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215\003_調整グループ\03_地球市民かながわプラザ\05_指定管理者候補の公募・選定\R6\08_公募\01_募集要項等\★募集要項等（確定版）\PDF版（公開用版）\"/>
    </mc:Choice>
  </mc:AlternateContent>
  <bookViews>
    <workbookView xWindow="1860" yWindow="96" windowWidth="20340" windowHeight="7872"/>
  </bookViews>
  <sheets>
    <sheet name="様式３-1収支計画・利用者目標" sheetId="1" r:id="rId1"/>
    <sheet name="様式３－２（人件費内訳）" sheetId="2" r:id="rId2"/>
  </sheets>
  <definedNames>
    <definedName name="_xlnm.Print_Area" localSheetId="0">'様式３-1収支計画・利用者目標'!$A$1:$J$73</definedName>
    <definedName name="_xlnm.Print_Area" localSheetId="1">'様式３－２（人件費内訳）'!$A$1:$G$45</definedName>
  </definedNames>
  <calcPr calcId="162913"/>
</workbook>
</file>

<file path=xl/sharedStrings.xml><?xml version="1.0" encoding="utf-8"?>
<sst xmlns="http://schemas.openxmlformats.org/spreadsheetml/2006/main" count="133" uniqueCount="94">
  <si>
    <t>・利用料金</t>
    <rPh sb="1" eb="3">
      <t>リヨウ</t>
    </rPh>
    <rPh sb="3" eb="5">
      <t>リョウキン</t>
    </rPh>
    <phoneticPr fontId="2"/>
  </si>
  <si>
    <t>・観覧料</t>
    <rPh sb="1" eb="3">
      <t>カンラン</t>
    </rPh>
    <rPh sb="3" eb="4">
      <t>リョウ</t>
    </rPh>
    <phoneticPr fontId="2"/>
  </si>
  <si>
    <t>収入合計</t>
    <rPh sb="0" eb="2">
      <t>シュウニュウ</t>
    </rPh>
    <rPh sb="2" eb="4">
      <t>ゴウケイ</t>
    </rPh>
    <phoneticPr fontId="2"/>
  </si>
  <si>
    <t>支出合計</t>
    <rPh sb="0" eb="2">
      <t>シシュツ</t>
    </rPh>
    <rPh sb="2" eb="4">
      <t>ゴウケイ</t>
    </rPh>
    <phoneticPr fontId="2"/>
  </si>
  <si>
    <t>（内訳）</t>
    <rPh sb="1" eb="3">
      <t>ウチワケ</t>
    </rPh>
    <phoneticPr fontId="2"/>
  </si>
  <si>
    <t>項目</t>
    <rPh sb="0" eb="2">
      <t>コウモク</t>
    </rPh>
    <phoneticPr fontId="2"/>
  </si>
  <si>
    <t>合計</t>
    <rPh sb="0" eb="2">
      <t>ゴウケイ</t>
    </rPh>
    <phoneticPr fontId="2"/>
  </si>
  <si>
    <t>（単位：千円）</t>
    <rPh sb="1" eb="3">
      <t>タンイ</t>
    </rPh>
    <rPh sb="4" eb="6">
      <t>センエン</t>
    </rPh>
    <phoneticPr fontId="2"/>
  </si>
  <si>
    <t>・○○○</t>
    <phoneticPr fontId="2"/>
  </si>
  <si>
    <t>※２</t>
    <phoneticPr fontId="2"/>
  </si>
  <si>
    <t>給与、各種手当、法定福利費、日々雇用賃金等</t>
    <rPh sb="0" eb="2">
      <t>キュウヨ</t>
    </rPh>
    <rPh sb="3" eb="5">
      <t>カクシュ</t>
    </rPh>
    <rPh sb="5" eb="7">
      <t>テア</t>
    </rPh>
    <rPh sb="8" eb="10">
      <t>ホウテイ</t>
    </rPh>
    <rPh sb="10" eb="12">
      <t>フクリ</t>
    </rPh>
    <rPh sb="12" eb="13">
      <t>ヒ</t>
    </rPh>
    <rPh sb="14" eb="16">
      <t>ヒビ</t>
    </rPh>
    <rPh sb="16" eb="18">
      <t>コヨウ</t>
    </rPh>
    <rPh sb="18" eb="20">
      <t>チンギン</t>
    </rPh>
    <rPh sb="20" eb="21">
      <t>トウ</t>
    </rPh>
    <phoneticPr fontId="2"/>
  </si>
  <si>
    <t>Ⅰ　収入</t>
    <rPh sb="2" eb="4">
      <t>シュウニュウ</t>
    </rPh>
    <phoneticPr fontId="2"/>
  </si>
  <si>
    <t>１　指定管理料</t>
    <rPh sb="2" eb="4">
      <t>シテイ</t>
    </rPh>
    <rPh sb="4" eb="6">
      <t>カンリ</t>
    </rPh>
    <rPh sb="6" eb="7">
      <t>リョウ</t>
    </rPh>
    <phoneticPr fontId="2"/>
  </si>
  <si>
    <t>２　利用料金収入</t>
    <rPh sb="2" eb="4">
      <t>リヨウ</t>
    </rPh>
    <rPh sb="4" eb="6">
      <t>リョウキン</t>
    </rPh>
    <rPh sb="6" eb="8">
      <t>シュウニュウ</t>
    </rPh>
    <phoneticPr fontId="2"/>
  </si>
  <si>
    <t>３　事業収入</t>
    <rPh sb="2" eb="4">
      <t>ジギョウ</t>
    </rPh>
    <rPh sb="4" eb="6">
      <t>シュウニュウ</t>
    </rPh>
    <phoneticPr fontId="2"/>
  </si>
  <si>
    <t>Ⅱ　支出</t>
    <rPh sb="2" eb="4">
      <t>シシュツ</t>
    </rPh>
    <phoneticPr fontId="2"/>
  </si>
  <si>
    <t>１　事業費</t>
    <rPh sb="2" eb="5">
      <t>ジギョウヒ</t>
    </rPh>
    <phoneticPr fontId="2"/>
  </si>
  <si>
    <t>※３　人件費については、別紙内訳書を添付してください。</t>
    <rPh sb="3" eb="6">
      <t>ジンケンヒ</t>
    </rPh>
    <rPh sb="12" eb="14">
      <t>ベッシ</t>
    </rPh>
    <rPh sb="14" eb="17">
      <t>ウチワケショ</t>
    </rPh>
    <rPh sb="18" eb="20">
      <t>テンプ</t>
    </rPh>
    <phoneticPr fontId="2"/>
  </si>
  <si>
    <t>※３</t>
    <phoneticPr fontId="2"/>
  </si>
  <si>
    <t>(電気、都市ガス、上下水道)</t>
    <rPh sb="1" eb="3">
      <t>デンキ</t>
    </rPh>
    <rPh sb="4" eb="6">
      <t>トシ</t>
    </rPh>
    <rPh sb="9" eb="11">
      <t>ジョウゲ</t>
    </rPh>
    <rPh sb="11" eb="13">
      <t>スイドウ</t>
    </rPh>
    <phoneticPr fontId="2"/>
  </si>
  <si>
    <t>※１　各年度の利用料金収入や協賛金等指定管理料以外の収入の具体的な内訳について、別途作成してください（任意様式）。</t>
    <rPh sb="3" eb="6">
      <t>カクネンド</t>
    </rPh>
    <phoneticPr fontId="2"/>
  </si>
  <si>
    <t>（様式３）</t>
    <rPh sb="1" eb="3">
      <t>ヨウシキ</t>
    </rPh>
    <phoneticPr fontId="2"/>
  </si>
  <si>
    <t>※１</t>
    <phoneticPr fontId="2"/>
  </si>
  <si>
    <t>※５　各項目について、欄を適宜追加して、できるだけ詳しく記載してください。　　</t>
    <rPh sb="3" eb="4">
      <t>カク</t>
    </rPh>
    <rPh sb="4" eb="6">
      <t>コウモク</t>
    </rPh>
    <rPh sb="11" eb="12">
      <t>ラン</t>
    </rPh>
    <rPh sb="13" eb="15">
      <t>テキギ</t>
    </rPh>
    <rPh sb="15" eb="17">
      <t>ツイカ</t>
    </rPh>
    <rPh sb="25" eb="26">
      <t>クワ</t>
    </rPh>
    <rPh sb="28" eb="30">
      <t>キサイ</t>
    </rPh>
    <phoneticPr fontId="2"/>
  </si>
  <si>
    <t>※６　欄が不足する場合は、別紙を追加してください。</t>
    <rPh sb="3" eb="4">
      <t>ラン</t>
    </rPh>
    <rPh sb="5" eb="7">
      <t>フソク</t>
    </rPh>
    <rPh sb="9" eb="11">
      <t>バアイ</t>
    </rPh>
    <rPh sb="13" eb="15">
      <t>ベッシ</t>
    </rPh>
    <rPh sb="16" eb="18">
      <t>ツイカ</t>
    </rPh>
    <phoneticPr fontId="2"/>
  </si>
  <si>
    <t>２　管理運営費</t>
    <rPh sb="2" eb="4">
      <t>カンリ</t>
    </rPh>
    <rPh sb="4" eb="7">
      <t>ウンエイヒ</t>
    </rPh>
    <phoneticPr fontId="2"/>
  </si>
  <si>
    <t xml:space="preserve"> 　 消耗品費、備品費､
　　通信費等</t>
    <rPh sb="3" eb="5">
      <t>ショウモウ</t>
    </rPh>
    <rPh sb="5" eb="6">
      <t>ヒン</t>
    </rPh>
    <rPh sb="6" eb="7">
      <t>ヒ</t>
    </rPh>
    <rPh sb="8" eb="10">
      <t>ビヒン</t>
    </rPh>
    <rPh sb="10" eb="11">
      <t>ヒ</t>
    </rPh>
    <rPh sb="15" eb="18">
      <t>ツウシンヒ</t>
    </rPh>
    <rPh sb="18" eb="19">
      <t>トウ</t>
    </rPh>
    <phoneticPr fontId="2"/>
  </si>
  <si>
    <t>(消耗品購入や通信費等その他経費)</t>
    <rPh sb="1" eb="3">
      <t>ショウモウ</t>
    </rPh>
    <rPh sb="3" eb="4">
      <t>ヒン</t>
    </rPh>
    <rPh sb="4" eb="6">
      <t>コウニュウ</t>
    </rPh>
    <rPh sb="10" eb="11">
      <t>トウ</t>
    </rPh>
    <rPh sb="13" eb="14">
      <t>タ</t>
    </rPh>
    <rPh sb="14" eb="16">
      <t>ケイヒ</t>
    </rPh>
    <phoneticPr fontId="2"/>
  </si>
  <si>
    <t xml:space="preserve">  (4) 人件費</t>
    <rPh sb="6" eb="9">
      <t>ジンケンヒ</t>
    </rPh>
    <phoneticPr fontId="2"/>
  </si>
  <si>
    <t>　 ア　保守点検・委託料</t>
    <phoneticPr fontId="2"/>
  </si>
  <si>
    <t xml:space="preserve">   イ　賃借料</t>
    <rPh sb="5" eb="8">
      <t>チンシャクリョウ</t>
    </rPh>
    <phoneticPr fontId="2"/>
  </si>
  <si>
    <t xml:space="preserve">   ウ　修繕費</t>
    <rPh sb="5" eb="8">
      <t>シュウゼンヒ</t>
    </rPh>
    <phoneticPr fontId="2"/>
  </si>
  <si>
    <t xml:space="preserve"> 　ア　光熱水費</t>
    <rPh sb="4" eb="6">
      <t>コウネツ</t>
    </rPh>
    <rPh sb="6" eb="7">
      <t>ミズ</t>
    </rPh>
    <rPh sb="7" eb="8">
      <t>ヒ</t>
    </rPh>
    <phoneticPr fontId="2"/>
  </si>
  <si>
    <t xml:space="preserve"> 　イ　清掃費用</t>
    <rPh sb="4" eb="6">
      <t>セイソウ</t>
    </rPh>
    <rPh sb="6" eb="8">
      <t>ヒヨウ</t>
    </rPh>
    <phoneticPr fontId="2"/>
  </si>
  <si>
    <t>事業費計</t>
    <rPh sb="0" eb="3">
      <t>ジギョウヒ</t>
    </rPh>
    <rPh sb="3" eb="4">
      <t>ケイ</t>
    </rPh>
    <phoneticPr fontId="2"/>
  </si>
  <si>
    <t>管理運営費計</t>
    <rPh sb="0" eb="2">
      <t>カンリ</t>
    </rPh>
    <rPh sb="2" eb="5">
      <t>ウンエイヒ</t>
    </rPh>
    <rPh sb="5" eb="6">
      <t>ケイ</t>
    </rPh>
    <phoneticPr fontId="2"/>
  </si>
  <si>
    <t>経費積算内訳（支出計画書）　　</t>
    <rPh sb="0" eb="2">
      <t>ケイヒ</t>
    </rPh>
    <rPh sb="2" eb="4">
      <t>セキサン</t>
    </rPh>
    <rPh sb="4" eb="6">
      <t>ウチワケ</t>
    </rPh>
    <rPh sb="7" eb="9">
      <t>シシュツ</t>
    </rPh>
    <rPh sb="9" eb="11">
      <t>ケイカク</t>
    </rPh>
    <rPh sb="11" eb="12">
      <t>ショ</t>
    </rPh>
    <phoneticPr fontId="2"/>
  </si>
  <si>
    <t>（様式３）－２</t>
    <rPh sb="1" eb="3">
      <t>ヨウシキ</t>
    </rPh>
    <phoneticPr fontId="6"/>
  </si>
  <si>
    <t>内訳書「人件費」</t>
    <rPh sb="0" eb="3">
      <t>ウチワケショ</t>
    </rPh>
    <rPh sb="4" eb="7">
      <t>ジンケンヒ</t>
    </rPh>
    <phoneticPr fontId="6"/>
  </si>
  <si>
    <t>１　給与等</t>
    <rPh sb="2" eb="4">
      <t>キュウヨ</t>
    </rPh>
    <rPh sb="4" eb="5">
      <t>トウ</t>
    </rPh>
    <phoneticPr fontId="6"/>
  </si>
  <si>
    <t>計　　　　　　　千円</t>
    <rPh sb="0" eb="1">
      <t>ケイ</t>
    </rPh>
    <rPh sb="8" eb="10">
      <t>センエン</t>
    </rPh>
    <phoneticPr fontId="6"/>
  </si>
  <si>
    <t>　(1)館長</t>
    <rPh sb="4" eb="6">
      <t>カンチョウ</t>
    </rPh>
    <phoneticPr fontId="6"/>
  </si>
  <si>
    <t>小計　　　　　　千円</t>
    <rPh sb="0" eb="2">
      <t>ショウケイ</t>
    </rPh>
    <rPh sb="8" eb="10">
      <t>センエン</t>
    </rPh>
    <phoneticPr fontId="6"/>
  </si>
  <si>
    <t>　　・給与</t>
    <rPh sb="3" eb="5">
      <t>キュウヨ</t>
    </rPh>
    <phoneticPr fontId="6"/>
  </si>
  <si>
    <t>単価×１人×　　か月＝　　　　千円</t>
    <rPh sb="0" eb="2">
      <t>タンカ</t>
    </rPh>
    <rPh sb="9" eb="10">
      <t>ゲツ</t>
    </rPh>
    <rPh sb="15" eb="17">
      <t>センエン</t>
    </rPh>
    <phoneticPr fontId="6"/>
  </si>
  <si>
    <t>　　・賞与</t>
    <rPh sb="3" eb="5">
      <t>ショウヨ</t>
    </rPh>
    <phoneticPr fontId="6"/>
  </si>
  <si>
    <t>年額　　　　　　　　　　　　　千円</t>
    <phoneticPr fontId="6"/>
  </si>
  <si>
    <t>　(2)常勤職員</t>
    <rPh sb="4" eb="6">
      <t>ジョウキン</t>
    </rPh>
    <rPh sb="6" eb="8">
      <t>ショクイン</t>
    </rPh>
    <phoneticPr fontId="6"/>
  </si>
  <si>
    <t>単価×人数×　　か月＝　　　　千円</t>
    <rPh sb="0" eb="2">
      <t>タンカ</t>
    </rPh>
    <rPh sb="3" eb="5">
      <t>ニンズウ</t>
    </rPh>
    <rPh sb="9" eb="10">
      <t>ゲツ</t>
    </rPh>
    <rPh sb="15" eb="17">
      <t>センエン</t>
    </rPh>
    <phoneticPr fontId="6"/>
  </si>
  <si>
    <t>年額　　　　　　　　　　　　　千円</t>
    <rPh sb="0" eb="2">
      <t>ネンガク</t>
    </rPh>
    <rPh sb="15" eb="17">
      <t>センエン</t>
    </rPh>
    <phoneticPr fontId="6"/>
  </si>
  <si>
    <t>　(3)非常勤職員等</t>
    <rPh sb="4" eb="5">
      <t>ヒ</t>
    </rPh>
    <rPh sb="5" eb="7">
      <t>ジョウキン</t>
    </rPh>
    <rPh sb="7" eb="9">
      <t>ショクイン</t>
    </rPh>
    <rPh sb="9" eb="10">
      <t>トウ</t>
    </rPh>
    <phoneticPr fontId="6"/>
  </si>
  <si>
    <t>２　法定福利費</t>
    <rPh sb="2" eb="4">
      <t>ホウテイ</t>
    </rPh>
    <rPh sb="4" eb="6">
      <t>フクリ</t>
    </rPh>
    <rPh sb="6" eb="7">
      <t>ヒ</t>
    </rPh>
    <phoneticPr fontId="6"/>
  </si>
  <si>
    <t>　　　　　　　　千円</t>
    <rPh sb="8" eb="10">
      <t>センエン</t>
    </rPh>
    <phoneticPr fontId="6"/>
  </si>
  <si>
    <t>３　各種手当等</t>
    <rPh sb="2" eb="4">
      <t>カクシュ</t>
    </rPh>
    <rPh sb="4" eb="6">
      <t>テア</t>
    </rPh>
    <rPh sb="6" eb="7">
      <t>ナド</t>
    </rPh>
    <phoneticPr fontId="6"/>
  </si>
  <si>
    <t>４　その他</t>
    <rPh sb="4" eb="5">
      <t>ホカ</t>
    </rPh>
    <phoneticPr fontId="6"/>
  </si>
  <si>
    <t>※　内訳書は記載例であり、団体の執行体制に基づき、記載してください。</t>
    <rPh sb="2" eb="5">
      <t>ウチワケショ</t>
    </rPh>
    <rPh sb="6" eb="8">
      <t>キサイ</t>
    </rPh>
    <rPh sb="8" eb="9">
      <t>レイ</t>
    </rPh>
    <rPh sb="13" eb="15">
      <t>ダンタイ</t>
    </rPh>
    <rPh sb="16" eb="18">
      <t>シッコウ</t>
    </rPh>
    <rPh sb="18" eb="20">
      <t>タイセイ</t>
    </rPh>
    <rPh sb="21" eb="22">
      <t>モト</t>
    </rPh>
    <rPh sb="25" eb="27">
      <t>キサイ</t>
    </rPh>
    <phoneticPr fontId="6"/>
  </si>
  <si>
    <t>※　欄が不足する場合は、別紙を追加してください。</t>
    <rPh sb="2" eb="3">
      <t>ラン</t>
    </rPh>
    <rPh sb="4" eb="6">
      <t>フソク</t>
    </rPh>
    <rPh sb="8" eb="10">
      <t>バアイ</t>
    </rPh>
    <rPh sb="12" eb="14">
      <t>ベッシ</t>
    </rPh>
    <rPh sb="15" eb="17">
      <t>ツイカ</t>
    </rPh>
    <phoneticPr fontId="6"/>
  </si>
  <si>
    <t xml:space="preserve">  (1) 保守管理業務費</t>
    <rPh sb="6" eb="8">
      <t>ホシュ</t>
    </rPh>
    <rPh sb="8" eb="10">
      <t>カンリ</t>
    </rPh>
    <rPh sb="10" eb="12">
      <t>ギョウム</t>
    </rPh>
    <rPh sb="12" eb="13">
      <t>ヒ</t>
    </rPh>
    <phoneticPr fontId="2"/>
  </si>
  <si>
    <t>(リスク分担表、参考資料６　収支決算状況参照)</t>
    <rPh sb="4" eb="6">
      <t>ブンタン</t>
    </rPh>
    <rPh sb="6" eb="7">
      <t>ヒョウ</t>
    </rPh>
    <rPh sb="8" eb="10">
      <t>サンコウ</t>
    </rPh>
    <rPh sb="10" eb="12">
      <t>シリョウ</t>
    </rPh>
    <rPh sb="14" eb="16">
      <t>シュウシ</t>
    </rPh>
    <rPh sb="16" eb="18">
      <t>ケッサン</t>
    </rPh>
    <rPh sb="18" eb="20">
      <t>ジョウキョウ</t>
    </rPh>
    <rPh sb="20" eb="22">
      <t>サンショウ</t>
    </rPh>
    <phoneticPr fontId="2"/>
  </si>
  <si>
    <t xml:space="preserve">  (2) 環境維持管理業務費</t>
    <rPh sb="6" eb="8">
      <t>カンキョウ</t>
    </rPh>
    <rPh sb="8" eb="10">
      <t>イジ</t>
    </rPh>
    <rPh sb="10" eb="12">
      <t>カンリ</t>
    </rPh>
    <rPh sb="12" eb="14">
      <t>ギョウム</t>
    </rPh>
    <rPh sb="14" eb="15">
      <t>ヒ</t>
    </rPh>
    <phoneticPr fontId="2"/>
  </si>
  <si>
    <t xml:space="preserve">  (6)消費税</t>
    <rPh sb="5" eb="8">
      <t>ショウヒゼイ</t>
    </rPh>
    <phoneticPr fontId="2"/>
  </si>
  <si>
    <t xml:space="preserve">  (5)一般管理費</t>
    <rPh sb="5" eb="7">
      <t>イッパン</t>
    </rPh>
    <rPh sb="7" eb="10">
      <t>カンリヒ</t>
    </rPh>
    <phoneticPr fontId="2"/>
  </si>
  <si>
    <t>※４　管理運営費について</t>
    <rPh sb="3" eb="5">
      <t>カンリ</t>
    </rPh>
    <rPh sb="5" eb="8">
      <t>ウンエイヒ</t>
    </rPh>
    <phoneticPr fontId="2"/>
  </si>
  <si>
    <t xml:space="preserve">  (3) その他施設運営費</t>
    <rPh sb="8" eb="9">
      <t>ホカ</t>
    </rPh>
    <rPh sb="9" eb="11">
      <t>シセツ</t>
    </rPh>
    <rPh sb="11" eb="13">
      <t>ウンエイ</t>
    </rPh>
    <rPh sb="13" eb="14">
      <t>ヒ</t>
    </rPh>
    <phoneticPr fontId="2"/>
  </si>
  <si>
    <t>(参考資料３　リース物件一覧参照)</t>
    <rPh sb="1" eb="3">
      <t>サンコウ</t>
    </rPh>
    <rPh sb="3" eb="5">
      <t>シリョウ</t>
    </rPh>
    <rPh sb="10" eb="12">
      <t>ブッケン</t>
    </rPh>
    <rPh sb="12" eb="14">
      <t>イチラン</t>
    </rPh>
    <rPh sb="14" eb="16">
      <t>サンショウ</t>
    </rPh>
    <phoneticPr fontId="2"/>
  </si>
  <si>
    <t>※２　事業費について、業務の基準Ｐ１以降記載の(１)学習センター事業Ａ展示学習事業から（３）サポート・ネットワーク事業について、事業計画書の提案の実現に必要な事業費及び内訳を記入してください。ただし、指定管理事業以外の自主事業の経費は除きます。</t>
    <rPh sb="3" eb="6">
      <t>ジギョウヒ</t>
    </rPh>
    <rPh sb="11" eb="13">
      <t>ギョウム</t>
    </rPh>
    <rPh sb="14" eb="16">
      <t>キジュン</t>
    </rPh>
    <rPh sb="18" eb="20">
      <t>イコウ</t>
    </rPh>
    <rPh sb="20" eb="22">
      <t>キサイ</t>
    </rPh>
    <rPh sb="26" eb="28">
      <t>ガクシュウ</t>
    </rPh>
    <rPh sb="32" eb="34">
      <t>ジギョウ</t>
    </rPh>
    <rPh sb="35" eb="37">
      <t>テンジ</t>
    </rPh>
    <rPh sb="37" eb="39">
      <t>ガクシュウ</t>
    </rPh>
    <rPh sb="39" eb="41">
      <t>ジギョウ</t>
    </rPh>
    <rPh sb="57" eb="59">
      <t>ジギョウ</t>
    </rPh>
    <rPh sb="64" eb="66">
      <t>ジギョウ</t>
    </rPh>
    <rPh sb="66" eb="68">
      <t>ケイカク</t>
    </rPh>
    <rPh sb="68" eb="69">
      <t>ショ</t>
    </rPh>
    <rPh sb="70" eb="72">
      <t>テイアン</t>
    </rPh>
    <rPh sb="73" eb="75">
      <t>ジツゲン</t>
    </rPh>
    <rPh sb="76" eb="78">
      <t>ヒツヨウ</t>
    </rPh>
    <rPh sb="79" eb="82">
      <t>ジギョウヒ</t>
    </rPh>
    <rPh sb="82" eb="83">
      <t>オヨ</t>
    </rPh>
    <rPh sb="84" eb="86">
      <t>ウチワケ</t>
    </rPh>
    <rPh sb="87" eb="89">
      <t>キニュウ</t>
    </rPh>
    <rPh sb="100" eb="102">
      <t>シテイ</t>
    </rPh>
    <rPh sb="102" eb="104">
      <t>カンリ</t>
    </rPh>
    <rPh sb="104" eb="106">
      <t>ジギョウ</t>
    </rPh>
    <rPh sb="106" eb="108">
      <t>イガイ</t>
    </rPh>
    <rPh sb="109" eb="111">
      <t>ジシュ</t>
    </rPh>
    <rPh sb="111" eb="113">
      <t>ジギョウ</t>
    </rPh>
    <rPh sb="114" eb="116">
      <t>ケイヒ</t>
    </rPh>
    <rPh sb="117" eb="118">
      <t>ノゾ</t>
    </rPh>
    <phoneticPr fontId="2"/>
  </si>
  <si>
    <t>職員数内訳（館長　名、常勤職員　　名、非常勤、日々雇用職員等　　名）</t>
    <rPh sb="0" eb="3">
      <t>ショクインスウ</t>
    </rPh>
    <rPh sb="3" eb="5">
      <t>ウチワケ</t>
    </rPh>
    <rPh sb="6" eb="8">
      <t>カンチョウ</t>
    </rPh>
    <rPh sb="9" eb="10">
      <t>メイ</t>
    </rPh>
    <rPh sb="11" eb="13">
      <t>ジョウキン</t>
    </rPh>
    <rPh sb="13" eb="15">
      <t>ショクイン</t>
    </rPh>
    <rPh sb="17" eb="18">
      <t>メイ</t>
    </rPh>
    <rPh sb="19" eb="22">
      <t>ヒジョウキン</t>
    </rPh>
    <rPh sb="23" eb="25">
      <t>ヒビ</t>
    </rPh>
    <rPh sb="25" eb="27">
      <t>コヨウ</t>
    </rPh>
    <rPh sb="27" eb="29">
      <t>ショクイン</t>
    </rPh>
    <rPh sb="29" eb="30">
      <t>ナド</t>
    </rPh>
    <rPh sb="32" eb="33">
      <t>メイ</t>
    </rPh>
    <phoneticPr fontId="6"/>
  </si>
  <si>
    <t>R8年度</t>
    <rPh sb="2" eb="4">
      <t>ネンド</t>
    </rPh>
    <phoneticPr fontId="2"/>
  </si>
  <si>
    <t>R9年度</t>
    <rPh sb="2" eb="4">
      <t>ネンド</t>
    </rPh>
    <phoneticPr fontId="2"/>
  </si>
  <si>
    <t>R10年度</t>
    <rPh sb="3" eb="5">
      <t>ネンド</t>
    </rPh>
    <phoneticPr fontId="2"/>
  </si>
  <si>
    <t>R11年度</t>
    <rPh sb="3" eb="5">
      <t>ネンド</t>
    </rPh>
    <phoneticPr fontId="2"/>
  </si>
  <si>
    <t>R12年度</t>
    <rPh sb="3" eb="5">
      <t>ネンド</t>
    </rPh>
    <phoneticPr fontId="2"/>
  </si>
  <si>
    <t xml:space="preserve">  (1) 学習ｾﾝﾀｰ事業</t>
    <rPh sb="6" eb="8">
      <t>ガクシュウ</t>
    </rPh>
    <rPh sb="12" eb="14">
      <t>ジギョウ</t>
    </rPh>
    <phoneticPr fontId="2"/>
  </si>
  <si>
    <t>展示企画事業</t>
    <phoneticPr fontId="2"/>
  </si>
  <si>
    <t>映像ホール事業</t>
    <phoneticPr fontId="2"/>
  </si>
  <si>
    <t>交流交歓学習事業</t>
    <phoneticPr fontId="2"/>
  </si>
  <si>
    <t>地球市民学習事業</t>
    <phoneticPr fontId="2"/>
  </si>
  <si>
    <t>展示学習事業</t>
    <phoneticPr fontId="2"/>
  </si>
  <si>
    <t>ﾋﾞｴﾝﾅｰﾚ国際児童画展開催</t>
    <phoneticPr fontId="2"/>
  </si>
  <si>
    <t>展示運営・展示ﾎﾞﾗﾝﾃｨｱの運営</t>
    <rPh sb="0" eb="2">
      <t>テンジ</t>
    </rPh>
    <rPh sb="2" eb="4">
      <t>ウンエイ</t>
    </rPh>
    <rPh sb="5" eb="7">
      <t>テンジ</t>
    </rPh>
    <rPh sb="15" eb="17">
      <t>ウンエイ</t>
    </rPh>
    <phoneticPr fontId="2"/>
  </si>
  <si>
    <t>校外学習の受入等</t>
    <phoneticPr fontId="2"/>
  </si>
  <si>
    <t>その他事業</t>
    <rPh sb="2" eb="3">
      <t>タ</t>
    </rPh>
    <rPh sb="3" eb="5">
      <t>ジギョウ</t>
    </rPh>
    <phoneticPr fontId="2"/>
  </si>
  <si>
    <t xml:space="preserve">  (2) 情報・相談ｾﾝﾀｰ事業</t>
    <rPh sb="6" eb="8">
      <t>ジョウホウ</t>
    </rPh>
    <rPh sb="9" eb="11">
      <t>ソウダン</t>
    </rPh>
    <rPh sb="15" eb="17">
      <t>ジギョウ</t>
    </rPh>
    <phoneticPr fontId="2"/>
  </si>
  <si>
    <t xml:space="preserve">  (3) ｻﾎﾟｰﾄ・ﾈｯﾄﾜｰｸ事業</t>
    <rPh sb="18" eb="20">
      <t>ジギョウ</t>
    </rPh>
    <phoneticPr fontId="2"/>
  </si>
  <si>
    <t>ライブラリー事業</t>
    <rPh sb="6" eb="8">
      <t>ジギョウ</t>
    </rPh>
    <phoneticPr fontId="2"/>
  </si>
  <si>
    <t>外国籍県民支援事業</t>
    <rPh sb="0" eb="3">
      <t>ガイコクセキ</t>
    </rPh>
    <rPh sb="3" eb="5">
      <t>ケンミン</t>
    </rPh>
    <rPh sb="5" eb="7">
      <t>シエン</t>
    </rPh>
    <rPh sb="7" eb="9">
      <t>ジギョウ</t>
    </rPh>
    <phoneticPr fontId="2"/>
  </si>
  <si>
    <t>広報・情報発信事業</t>
    <rPh sb="0" eb="2">
      <t>コウホウ</t>
    </rPh>
    <rPh sb="3" eb="5">
      <t>ジョウホウ</t>
    </rPh>
    <rPh sb="5" eb="7">
      <t>ハッシン</t>
    </rPh>
    <rPh sb="7" eb="9">
      <t>ジギョウ</t>
    </rPh>
    <phoneticPr fontId="2"/>
  </si>
  <si>
    <t>ＮＰＯ等活動支援事業</t>
    <phoneticPr fontId="2"/>
  </si>
  <si>
    <t>ＮＰＯ等のための事務室運営事業</t>
    <phoneticPr fontId="2"/>
  </si>
  <si>
    <t>あーすﾌｪｽﾀかながわ開催支援業務</t>
    <phoneticPr fontId="2"/>
  </si>
  <si>
    <t>※４</t>
    <phoneticPr fontId="2"/>
  </si>
  <si>
    <t xml:space="preserve">(1) 委託する業務がある場合は、様式４にも記載してください。過去３年の委託実績については参考資料６を参照ください。
</t>
    <rPh sb="31" eb="33">
      <t>カコ</t>
    </rPh>
    <rPh sb="34" eb="35">
      <t>ネン</t>
    </rPh>
    <rPh sb="36" eb="38">
      <t>イタク</t>
    </rPh>
    <rPh sb="38" eb="40">
      <t>ジッセキ</t>
    </rPh>
    <rPh sb="45" eb="47">
      <t>サンコウ</t>
    </rPh>
    <rPh sb="47" eb="49">
      <t>シリョウ</t>
    </rPh>
    <rPh sb="51" eb="53">
      <t>サンショウ</t>
    </rPh>
    <phoneticPr fontId="2"/>
  </si>
  <si>
    <t>(2) 施設・物品の経年劣化、損傷、滅失等について　募集要項12の県と指定管理者のリスク分担に記載のとおり、原則として100万円未満のものは、指定管理者が負担することとしていますので、御留意ください。</t>
    <rPh sb="4" eb="6">
      <t>シセツ</t>
    </rPh>
    <rPh sb="7" eb="9">
      <t>ブッピン</t>
    </rPh>
    <rPh sb="10" eb="12">
      <t>ケイネン</t>
    </rPh>
    <rPh sb="12" eb="14">
      <t>レッカ</t>
    </rPh>
    <rPh sb="15" eb="17">
      <t>ソンショウ</t>
    </rPh>
    <rPh sb="18" eb="20">
      <t>メッシツ</t>
    </rPh>
    <rPh sb="20" eb="21">
      <t>トウ</t>
    </rPh>
    <rPh sb="26" eb="28">
      <t>ボシュウ</t>
    </rPh>
    <rPh sb="28" eb="30">
      <t>ヨウコウ</t>
    </rPh>
    <rPh sb="33" eb="34">
      <t>ケン</t>
    </rPh>
    <rPh sb="35" eb="37">
      <t>シテイ</t>
    </rPh>
    <rPh sb="37" eb="40">
      <t>カンリシャ</t>
    </rPh>
    <rPh sb="44" eb="46">
      <t>ブンタン</t>
    </rPh>
    <rPh sb="47" eb="49">
      <t>キサイ</t>
    </rPh>
    <rPh sb="54" eb="56">
      <t>ゲンソク</t>
    </rPh>
    <rPh sb="62" eb="64">
      <t>マンエン</t>
    </rPh>
    <rPh sb="64" eb="66">
      <t>ミマン</t>
    </rPh>
    <rPh sb="71" eb="73">
      <t>シテイ</t>
    </rPh>
    <rPh sb="73" eb="76">
      <t>カンリシャ</t>
    </rPh>
    <rPh sb="77" eb="79">
      <t>フタン</t>
    </rPh>
    <rPh sb="92" eb="95">
      <t>ゴリュウイ</t>
    </rPh>
    <phoneticPr fontId="2"/>
  </si>
  <si>
    <t>　　うち展示内容の充実及び機器
　　　　の更新等</t>
    <rPh sb="4" eb="6">
      <t>テンジ</t>
    </rPh>
    <rPh sb="6" eb="8">
      <t>ナイヨウ</t>
    </rPh>
    <rPh sb="9" eb="11">
      <t>ジュウジツ</t>
    </rPh>
    <rPh sb="11" eb="12">
      <t>オヨ</t>
    </rPh>
    <rPh sb="13" eb="15">
      <t>キキ</t>
    </rPh>
    <rPh sb="21" eb="23">
      <t>コウシン</t>
    </rPh>
    <rPh sb="23" eb="24">
      <t>ト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2"/>
      <color theme="1"/>
      <name val="ＭＳ 明朝"/>
      <family val="2"/>
      <charset val="128"/>
    </font>
    <font>
      <sz val="12"/>
      <color theme="1"/>
      <name val="ＭＳ 明朝"/>
      <family val="2"/>
      <charset val="128"/>
    </font>
    <font>
      <sz val="6"/>
      <name val="ＭＳ 明朝"/>
      <family val="2"/>
      <charset val="128"/>
    </font>
    <font>
      <sz val="11"/>
      <name val="ＭＳ 明朝"/>
      <family val="2"/>
      <charset val="128"/>
    </font>
    <font>
      <sz val="11"/>
      <name val="ＭＳ ゴシック"/>
      <family val="3"/>
      <charset val="128"/>
    </font>
    <font>
      <sz val="11"/>
      <name val="ＭＳ Ｐゴシック"/>
      <family val="3"/>
      <charset val="128"/>
    </font>
    <font>
      <sz val="6"/>
      <name val="ＭＳ Ｐゴシック"/>
      <family val="3"/>
      <charset val="128"/>
    </font>
    <font>
      <u/>
      <sz val="11"/>
      <name val="ＭＳ ゴシック"/>
      <family val="3"/>
      <charset val="128"/>
    </font>
    <font>
      <sz val="12"/>
      <name val="ＭＳ ゴシック"/>
      <family val="3"/>
      <charset val="128"/>
    </font>
    <font>
      <sz val="10"/>
      <name val="ＭＳ ゴシック"/>
      <family val="3"/>
      <charset val="128"/>
    </font>
    <font>
      <sz val="10"/>
      <name val="ＭＳ Ｐゴシック"/>
      <family val="3"/>
      <charset val="128"/>
      <scheme val="minor"/>
    </font>
    <font>
      <sz val="10"/>
      <name val="ＭＳ 明朝"/>
      <family val="1"/>
      <charset val="128"/>
    </font>
    <font>
      <sz val="9"/>
      <name val="ＭＳ ゴシック"/>
      <family val="3"/>
      <charset val="128"/>
    </font>
    <font>
      <sz val="10"/>
      <color theme="1"/>
      <name val="ＭＳ Ｐゴシック"/>
      <family val="3"/>
      <charset val="128"/>
      <scheme val="minor"/>
    </font>
    <font>
      <sz val="8"/>
      <name val="ＭＳ Ｐゴシック"/>
      <family val="3"/>
      <charset val="128"/>
      <scheme val="minor"/>
    </font>
  </fonts>
  <fills count="3">
    <fill>
      <patternFill patternType="none"/>
    </fill>
    <fill>
      <patternFill patternType="gray125"/>
    </fill>
    <fill>
      <patternFill patternType="solid">
        <fgColor theme="0"/>
        <bgColor indexed="64"/>
      </patternFill>
    </fill>
  </fills>
  <borders count="78">
    <border>
      <left/>
      <right/>
      <top/>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right/>
      <top/>
      <bottom style="thin">
        <color indexed="64"/>
      </bottom>
      <diagonal/>
    </border>
    <border>
      <left style="thin">
        <color indexed="64"/>
      </left>
      <right style="thin">
        <color indexed="64"/>
      </right>
      <top/>
      <bottom/>
      <diagonal/>
    </border>
    <border>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medium">
        <color indexed="64"/>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medium">
        <color indexed="64"/>
      </right>
      <top style="hair">
        <color indexed="64"/>
      </top>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bottom/>
      <diagonal/>
    </border>
    <border>
      <left style="thin">
        <color indexed="64"/>
      </left>
      <right style="thin">
        <color indexed="64"/>
      </right>
      <top style="thin">
        <color indexed="64"/>
      </top>
      <bottom style="dotted">
        <color indexed="64"/>
      </bottom>
      <diagonal/>
    </border>
    <border>
      <left style="thin">
        <color indexed="64"/>
      </left>
      <right/>
      <top/>
      <bottom style="thin">
        <color indexed="64"/>
      </bottom>
      <diagonal/>
    </border>
    <border>
      <left style="thin">
        <color indexed="64"/>
      </left>
      <right/>
      <top style="thin">
        <color indexed="64"/>
      </top>
      <bottom/>
      <diagonal/>
    </border>
    <border>
      <left/>
      <right/>
      <top style="medium">
        <color indexed="64"/>
      </top>
      <bottom style="medium">
        <color indexed="64"/>
      </bottom>
      <diagonal/>
    </border>
    <border>
      <left/>
      <right/>
      <top style="medium">
        <color indexed="64"/>
      </top>
      <bottom style="thin">
        <color indexed="64"/>
      </bottom>
      <diagonal/>
    </border>
    <border>
      <left/>
      <right/>
      <top style="thin">
        <color indexed="64"/>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style="thin">
        <color indexed="64"/>
      </top>
      <bottom style="dotted">
        <color indexed="64"/>
      </bottom>
      <diagonal/>
    </border>
    <border>
      <left style="dotted">
        <color indexed="64"/>
      </left>
      <right style="thin">
        <color indexed="64"/>
      </right>
      <top style="dotted">
        <color indexed="64"/>
      </top>
      <bottom style="thin">
        <color indexed="64"/>
      </bottom>
      <diagonal/>
    </border>
    <border>
      <left/>
      <right style="thin">
        <color indexed="64"/>
      </right>
      <top/>
      <bottom style="thin">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5" fillId="0" borderId="0">
      <alignment vertical="center"/>
    </xf>
  </cellStyleXfs>
  <cellXfs count="198">
    <xf numFmtId="0" fontId="0" fillId="0" borderId="0" xfId="0">
      <alignment vertical="center"/>
    </xf>
    <xf numFmtId="38" fontId="3" fillId="2" borderId="7" xfId="1" applyFont="1" applyFill="1" applyBorder="1">
      <alignment vertical="center"/>
    </xf>
    <xf numFmtId="0" fontId="4" fillId="0" borderId="0" xfId="2" applyFont="1">
      <alignment vertical="center"/>
    </xf>
    <xf numFmtId="0" fontId="4" fillId="0" borderId="40" xfId="2" applyFont="1" applyBorder="1">
      <alignment vertical="center"/>
    </xf>
    <xf numFmtId="0" fontId="4" fillId="0" borderId="39" xfId="2" applyFont="1" applyBorder="1">
      <alignment vertical="center"/>
    </xf>
    <xf numFmtId="0" fontId="4" fillId="0" borderId="41" xfId="2" applyFont="1" applyBorder="1">
      <alignment vertical="center"/>
    </xf>
    <xf numFmtId="0" fontId="4" fillId="0" borderId="42" xfId="2" applyFont="1" applyBorder="1">
      <alignment vertical="center"/>
    </xf>
    <xf numFmtId="0" fontId="4" fillId="0" borderId="0" xfId="2" applyFont="1" applyBorder="1">
      <alignment vertical="center"/>
    </xf>
    <xf numFmtId="0" fontId="4" fillId="0" borderId="43" xfId="2" applyFont="1" applyBorder="1">
      <alignment vertical="center"/>
    </xf>
    <xf numFmtId="0" fontId="7" fillId="0" borderId="0" xfId="2" applyFont="1" applyBorder="1">
      <alignment vertical="center"/>
    </xf>
    <xf numFmtId="0" fontId="4" fillId="0" borderId="44" xfId="2" applyFont="1" applyBorder="1">
      <alignment vertical="center"/>
    </xf>
    <xf numFmtId="0" fontId="4" fillId="0" borderId="45" xfId="2" applyFont="1" applyBorder="1">
      <alignment vertical="center"/>
    </xf>
    <xf numFmtId="0" fontId="4" fillId="0" borderId="46" xfId="2" applyFont="1" applyBorder="1">
      <alignment vertical="center"/>
    </xf>
    <xf numFmtId="0" fontId="3" fillId="0" borderId="0" xfId="0" applyFont="1" applyAlignment="1">
      <alignment vertical="center" wrapText="1"/>
    </xf>
    <xf numFmtId="0" fontId="3" fillId="0" borderId="0" xfId="0" applyFont="1">
      <alignment vertical="center"/>
    </xf>
    <xf numFmtId="0" fontId="3" fillId="0" borderId="0" xfId="0" applyFont="1" applyBorder="1">
      <alignment vertical="center"/>
    </xf>
    <xf numFmtId="0" fontId="8" fillId="0" borderId="0" xfId="0" applyFont="1" applyAlignment="1">
      <alignment horizontal="left" vertical="center" wrapText="1"/>
    </xf>
    <xf numFmtId="0" fontId="3" fillId="0" borderId="0" xfId="0" applyFont="1" applyAlignment="1">
      <alignment horizontal="left" vertical="center" wrapText="1"/>
    </xf>
    <xf numFmtId="0" fontId="3" fillId="0" borderId="0" xfId="0" applyFont="1" applyBorder="1" applyAlignment="1">
      <alignment horizontal="center" vertical="center"/>
    </xf>
    <xf numFmtId="0" fontId="3" fillId="0" borderId="0" xfId="0" applyFont="1" applyFill="1" applyBorder="1">
      <alignment vertical="center"/>
    </xf>
    <xf numFmtId="0" fontId="3" fillId="0" borderId="0" xfId="0" applyFont="1" applyFill="1">
      <alignment vertical="center"/>
    </xf>
    <xf numFmtId="0" fontId="3" fillId="0" borderId="1" xfId="0" applyFont="1" applyFill="1" applyBorder="1">
      <alignment vertical="center"/>
    </xf>
    <xf numFmtId="0" fontId="3" fillId="2" borderId="0" xfId="0" applyFont="1" applyFill="1" applyBorder="1">
      <alignment vertical="center"/>
    </xf>
    <xf numFmtId="0" fontId="4" fillId="0" borderId="0" xfId="0" applyFont="1" applyFill="1" applyBorder="1" applyAlignment="1">
      <alignment horizontal="left" vertical="center" indent="1"/>
    </xf>
    <xf numFmtId="38" fontId="4" fillId="0" borderId="0" xfId="0" applyNumberFormat="1" applyFont="1" applyFill="1" applyBorder="1">
      <alignment vertical="center"/>
    </xf>
    <xf numFmtId="0" fontId="4" fillId="2" borderId="0" xfId="0" applyFont="1" applyFill="1" applyBorder="1" applyAlignment="1">
      <alignment vertical="center" wrapText="1"/>
    </xf>
    <xf numFmtId="0" fontId="4" fillId="2" borderId="8" xfId="0" applyFont="1" applyFill="1" applyBorder="1" applyAlignment="1">
      <alignment vertical="center" wrapText="1"/>
    </xf>
    <xf numFmtId="38" fontId="3" fillId="2" borderId="9" xfId="1" applyFont="1" applyFill="1" applyBorder="1">
      <alignment vertical="center"/>
    </xf>
    <xf numFmtId="38" fontId="3" fillId="2" borderId="10" xfId="0" applyNumberFormat="1" applyFont="1" applyFill="1" applyBorder="1">
      <alignment vertical="center"/>
    </xf>
    <xf numFmtId="38" fontId="3" fillId="0" borderId="7" xfId="1" applyFont="1" applyBorder="1">
      <alignment vertical="center"/>
    </xf>
    <xf numFmtId="0" fontId="4" fillId="2" borderId="13" xfId="0" applyFont="1" applyFill="1" applyBorder="1" applyAlignment="1">
      <alignment vertical="center" wrapText="1"/>
    </xf>
    <xf numFmtId="38" fontId="3" fillId="2" borderId="2" xfId="1" applyFont="1" applyFill="1" applyBorder="1">
      <alignment vertical="center"/>
    </xf>
    <xf numFmtId="38" fontId="3" fillId="2" borderId="14" xfId="0" applyNumberFormat="1" applyFont="1" applyFill="1" applyBorder="1">
      <alignment vertical="center"/>
    </xf>
    <xf numFmtId="0" fontId="3" fillId="0" borderId="5" xfId="0" applyFont="1" applyBorder="1">
      <alignment vertical="center"/>
    </xf>
    <xf numFmtId="38" fontId="10" fillId="0" borderId="4" xfId="1" applyFont="1" applyFill="1" applyBorder="1" applyAlignment="1">
      <alignment vertical="center" wrapText="1"/>
    </xf>
    <xf numFmtId="38" fontId="3" fillId="0" borderId="4" xfId="1" applyFont="1" applyFill="1" applyBorder="1">
      <alignment vertical="center"/>
    </xf>
    <xf numFmtId="38" fontId="3" fillId="0" borderId="16" xfId="0" applyNumberFormat="1" applyFont="1" applyFill="1" applyBorder="1">
      <alignment vertical="center"/>
    </xf>
    <xf numFmtId="38" fontId="11" fillId="0" borderId="6" xfId="1" applyFont="1" applyFill="1" applyBorder="1" applyAlignment="1">
      <alignment vertical="center" wrapText="1"/>
    </xf>
    <xf numFmtId="0" fontId="3" fillId="0" borderId="6" xfId="0" applyFont="1" applyBorder="1" applyAlignment="1">
      <alignment horizontal="center" vertical="center"/>
    </xf>
    <xf numFmtId="0" fontId="3" fillId="0" borderId="17" xfId="0" applyFont="1" applyBorder="1">
      <alignment vertical="center"/>
    </xf>
    <xf numFmtId="0" fontId="3" fillId="0" borderId="3" xfId="0" applyFont="1" applyBorder="1">
      <alignment vertical="center"/>
    </xf>
    <xf numFmtId="49" fontId="4" fillId="2" borderId="11" xfId="0" applyNumberFormat="1" applyFont="1" applyFill="1" applyBorder="1" applyAlignment="1">
      <alignment vertical="center" wrapText="1"/>
    </xf>
    <xf numFmtId="38" fontId="3" fillId="2" borderId="7" xfId="1" applyFont="1" applyFill="1" applyBorder="1" applyAlignment="1">
      <alignment vertical="center"/>
    </xf>
    <xf numFmtId="38" fontId="3" fillId="2" borderId="12" xfId="0" applyNumberFormat="1" applyFont="1" applyFill="1" applyBorder="1">
      <alignment vertical="center"/>
    </xf>
    <xf numFmtId="38" fontId="3" fillId="2" borderId="4" xfId="1" applyFont="1" applyFill="1" applyBorder="1" applyAlignment="1">
      <alignment vertical="center"/>
    </xf>
    <xf numFmtId="38" fontId="3" fillId="2" borderId="16" xfId="0" applyNumberFormat="1" applyFont="1" applyFill="1" applyBorder="1">
      <alignment vertical="center"/>
    </xf>
    <xf numFmtId="49" fontId="4" fillId="2" borderId="18" xfId="0" applyNumberFormat="1" applyFont="1" applyFill="1" applyBorder="1" applyAlignment="1">
      <alignment horizontal="center" vertical="center" wrapText="1"/>
    </xf>
    <xf numFmtId="38" fontId="3" fillId="2" borderId="19" xfId="1" applyFont="1" applyFill="1" applyBorder="1" applyAlignment="1">
      <alignment vertical="center"/>
    </xf>
    <xf numFmtId="38" fontId="3" fillId="2" borderId="20" xfId="0" applyNumberFormat="1" applyFont="1" applyFill="1" applyBorder="1">
      <alignment vertical="center"/>
    </xf>
    <xf numFmtId="0" fontId="4" fillId="2" borderId="21" xfId="0" applyFont="1" applyFill="1" applyBorder="1" applyAlignment="1">
      <alignment vertical="center" wrapText="1"/>
    </xf>
    <xf numFmtId="38" fontId="3" fillId="2" borderId="22" xfId="1" applyFont="1" applyFill="1" applyBorder="1">
      <alignment vertical="center"/>
    </xf>
    <xf numFmtId="38" fontId="3" fillId="2" borderId="23" xfId="0" applyNumberFormat="1" applyFont="1" applyFill="1" applyBorder="1">
      <alignment vertical="center"/>
    </xf>
    <xf numFmtId="0" fontId="3" fillId="0" borderId="1" xfId="0" applyFont="1" applyBorder="1">
      <alignment vertical="center"/>
    </xf>
    <xf numFmtId="0" fontId="4" fillId="0" borderId="13" xfId="0" applyFont="1" applyFill="1" applyBorder="1" applyAlignment="1">
      <alignment horizontal="left" vertical="center" wrapText="1"/>
    </xf>
    <xf numFmtId="38" fontId="3" fillId="0" borderId="2" xfId="1" applyFont="1" applyBorder="1">
      <alignment vertical="center"/>
    </xf>
    <xf numFmtId="38" fontId="3" fillId="0" borderId="14" xfId="1" applyFont="1" applyBorder="1">
      <alignment vertical="center"/>
    </xf>
    <xf numFmtId="0" fontId="4" fillId="0" borderId="27" xfId="0" applyFont="1" applyFill="1" applyBorder="1" applyAlignment="1">
      <alignment vertical="center" shrinkToFit="1"/>
    </xf>
    <xf numFmtId="38" fontId="3" fillId="0" borderId="28" xfId="1" applyFont="1" applyFill="1" applyBorder="1">
      <alignment vertical="center"/>
    </xf>
    <xf numFmtId="38" fontId="3" fillId="0" borderId="29" xfId="0" applyNumberFormat="1" applyFont="1" applyFill="1" applyBorder="1">
      <alignment vertical="center"/>
    </xf>
    <xf numFmtId="0" fontId="4" fillId="0" borderId="27" xfId="0" applyFont="1" applyFill="1" applyBorder="1" applyAlignment="1">
      <alignment horizontal="left" vertical="center" shrinkToFit="1"/>
    </xf>
    <xf numFmtId="0" fontId="4" fillId="0" borderId="15" xfId="0" applyFont="1" applyFill="1" applyBorder="1" applyAlignment="1">
      <alignment horizontal="left" vertical="center" shrinkToFit="1"/>
    </xf>
    <xf numFmtId="38" fontId="3" fillId="0" borderId="6" xfId="1" applyFont="1" applyFill="1" applyBorder="1">
      <alignment vertical="center"/>
    </xf>
    <xf numFmtId="38" fontId="3" fillId="0" borderId="17" xfId="0" applyNumberFormat="1" applyFont="1" applyFill="1" applyBorder="1">
      <alignment vertical="center"/>
    </xf>
    <xf numFmtId="0" fontId="4" fillId="0" borderId="13" xfId="0" applyFont="1" applyFill="1" applyBorder="1" applyAlignment="1">
      <alignment horizontal="left" vertical="center" wrapText="1" shrinkToFit="1"/>
    </xf>
    <xf numFmtId="38" fontId="3" fillId="0" borderId="28" xfId="0" applyNumberFormat="1" applyFont="1" applyBorder="1">
      <alignment vertical="center"/>
    </xf>
    <xf numFmtId="38" fontId="3" fillId="0" borderId="29" xfId="0" applyNumberFormat="1" applyFont="1" applyBorder="1">
      <alignment vertical="center"/>
    </xf>
    <xf numFmtId="0" fontId="4" fillId="0" borderId="30" xfId="0" applyFont="1" applyFill="1" applyBorder="1" applyAlignment="1">
      <alignment horizontal="left" vertical="center" shrinkToFit="1"/>
    </xf>
    <xf numFmtId="38" fontId="3" fillId="0" borderId="31" xfId="0" applyNumberFormat="1" applyFont="1" applyBorder="1">
      <alignment vertical="center"/>
    </xf>
    <xf numFmtId="38" fontId="3" fillId="0" borderId="32" xfId="0" applyNumberFormat="1" applyFont="1" applyBorder="1">
      <alignment vertical="center"/>
    </xf>
    <xf numFmtId="0" fontId="4" fillId="0" borderId="33" xfId="0" applyFont="1" applyFill="1" applyBorder="1" applyAlignment="1">
      <alignment horizontal="left" vertical="center" shrinkToFit="1"/>
    </xf>
    <xf numFmtId="38" fontId="3" fillId="0" borderId="34" xfId="1" applyFont="1" applyBorder="1">
      <alignment vertical="center"/>
    </xf>
    <xf numFmtId="38" fontId="3" fillId="0" borderId="35" xfId="1" applyFont="1" applyBorder="1">
      <alignment vertical="center"/>
    </xf>
    <xf numFmtId="0" fontId="4" fillId="0" borderId="36" xfId="0" applyFont="1" applyFill="1" applyBorder="1" applyAlignment="1">
      <alignment horizontal="left" vertical="center" wrapText="1"/>
    </xf>
    <xf numFmtId="38" fontId="3" fillId="0" borderId="37" xfId="1" applyFont="1" applyBorder="1">
      <alignment vertical="center"/>
    </xf>
    <xf numFmtId="38" fontId="3" fillId="0" borderId="38" xfId="1" applyFont="1" applyBorder="1">
      <alignment vertical="center"/>
    </xf>
    <xf numFmtId="0" fontId="4" fillId="2" borderId="24" xfId="0" applyFont="1" applyFill="1" applyBorder="1" applyAlignment="1">
      <alignment horizontal="center" vertical="center" wrapText="1"/>
    </xf>
    <xf numFmtId="38" fontId="4" fillId="2" borderId="25" xfId="1" applyFont="1" applyFill="1" applyBorder="1">
      <alignment vertical="center"/>
    </xf>
    <xf numFmtId="38" fontId="3" fillId="2" borderId="26" xfId="0" applyNumberFormat="1" applyFont="1" applyFill="1" applyBorder="1">
      <alignment vertical="center"/>
    </xf>
    <xf numFmtId="0" fontId="3" fillId="0" borderId="0" xfId="0" applyFont="1" applyBorder="1" applyAlignment="1">
      <alignment vertical="center" wrapText="1"/>
    </xf>
    <xf numFmtId="0" fontId="3" fillId="0" borderId="39" xfId="0" applyFont="1" applyBorder="1">
      <alignment vertical="center"/>
    </xf>
    <xf numFmtId="0" fontId="4" fillId="2" borderId="0" xfId="0" applyFont="1" applyFill="1" applyBorder="1">
      <alignment vertical="center"/>
    </xf>
    <xf numFmtId="0" fontId="4" fillId="2" borderId="0" xfId="0" applyFont="1" applyFill="1" applyBorder="1" applyAlignment="1">
      <alignment horizontal="left" vertical="center" wrapText="1"/>
    </xf>
    <xf numFmtId="0" fontId="4" fillId="2" borderId="0" xfId="0" applyFont="1" applyFill="1" applyBorder="1" applyAlignment="1">
      <alignment vertical="center"/>
    </xf>
    <xf numFmtId="38" fontId="4" fillId="2" borderId="0" xfId="0" applyNumberFormat="1" applyFont="1" applyFill="1" applyBorder="1">
      <alignment vertical="center"/>
    </xf>
    <xf numFmtId="0" fontId="4" fillId="0" borderId="0" xfId="0" applyFont="1" applyBorder="1">
      <alignment vertical="center"/>
    </xf>
    <xf numFmtId="0" fontId="4" fillId="0" borderId="0" xfId="0" applyFont="1">
      <alignment vertical="center"/>
    </xf>
    <xf numFmtId="0" fontId="4" fillId="0" borderId="0" xfId="0" applyFont="1" applyAlignment="1">
      <alignment horizontal="left" vertical="top"/>
    </xf>
    <xf numFmtId="0" fontId="4" fillId="0" borderId="0" xfId="0" applyFont="1" applyAlignment="1">
      <alignment horizontal="left" vertical="top" wrapText="1" shrinkToFit="1"/>
    </xf>
    <xf numFmtId="0" fontId="4" fillId="0" borderId="0" xfId="0" applyFont="1" applyAlignment="1">
      <alignment vertical="center"/>
    </xf>
    <xf numFmtId="0" fontId="4" fillId="0" borderId="21" xfId="0" applyFont="1" applyBorder="1" applyAlignment="1">
      <alignment horizontal="center" vertical="center" wrapText="1"/>
    </xf>
    <xf numFmtId="0" fontId="4" fillId="0" borderId="23" xfId="0" applyFont="1" applyBorder="1" applyAlignment="1">
      <alignment horizontal="center" vertical="center" wrapText="1"/>
    </xf>
    <xf numFmtId="0" fontId="4" fillId="2" borderId="11" xfId="0" applyFont="1" applyFill="1" applyBorder="1" applyAlignment="1">
      <alignment vertical="center" wrapText="1"/>
    </xf>
    <xf numFmtId="38" fontId="3" fillId="2" borderId="12" xfId="1" applyFont="1" applyFill="1" applyBorder="1">
      <alignment vertical="center"/>
    </xf>
    <xf numFmtId="0" fontId="4" fillId="2" borderId="11" xfId="0" applyFont="1" applyFill="1" applyBorder="1" applyAlignment="1">
      <alignment horizontal="left" vertical="center" wrapText="1" indent="1"/>
    </xf>
    <xf numFmtId="0" fontId="4" fillId="2" borderId="11" xfId="0" applyFont="1" applyFill="1" applyBorder="1" applyAlignment="1">
      <alignment horizontal="left" vertical="center" indent="1" shrinkToFit="1"/>
    </xf>
    <xf numFmtId="0" fontId="4" fillId="2" borderId="15" xfId="0" applyFont="1" applyFill="1" applyBorder="1" applyAlignment="1">
      <alignment vertical="center" wrapText="1"/>
    </xf>
    <xf numFmtId="0" fontId="3" fillId="2" borderId="6" xfId="0" applyFont="1" applyFill="1" applyBorder="1" applyAlignment="1">
      <alignment horizontal="center" vertical="center"/>
    </xf>
    <xf numFmtId="0" fontId="3" fillId="2" borderId="6" xfId="0" applyFont="1" applyFill="1" applyBorder="1">
      <alignment vertical="center"/>
    </xf>
    <xf numFmtId="0" fontId="3" fillId="2" borderId="17" xfId="0" applyFont="1" applyFill="1" applyBorder="1">
      <alignment vertical="center"/>
    </xf>
    <xf numFmtId="0" fontId="4" fillId="0" borderId="24" xfId="0" applyFont="1" applyBorder="1" applyAlignment="1">
      <alignment horizontal="center" vertical="center" wrapText="1"/>
    </xf>
    <xf numFmtId="0" fontId="4" fillId="0" borderId="25" xfId="0" applyFont="1" applyBorder="1" applyAlignment="1">
      <alignment horizontal="center" vertical="center"/>
    </xf>
    <xf numFmtId="0" fontId="4" fillId="0" borderId="25" xfId="0" applyFont="1" applyBorder="1" applyAlignment="1">
      <alignment horizontal="center" vertical="center" wrapText="1"/>
    </xf>
    <xf numFmtId="0" fontId="4" fillId="0" borderId="26" xfId="0" applyFont="1" applyBorder="1" applyAlignment="1">
      <alignment horizontal="center" vertical="center" wrapText="1"/>
    </xf>
    <xf numFmtId="0" fontId="4" fillId="2" borderId="13" xfId="0" applyFont="1" applyFill="1" applyBorder="1" applyAlignment="1">
      <alignment horizontal="left" vertical="center" indent="1" shrinkToFit="1"/>
    </xf>
    <xf numFmtId="38" fontId="3" fillId="2" borderId="14" xfId="1" applyFont="1" applyFill="1" applyBorder="1">
      <alignment vertical="center"/>
    </xf>
    <xf numFmtId="38" fontId="4" fillId="2" borderId="25" xfId="0" applyNumberFormat="1" applyFont="1" applyFill="1" applyBorder="1">
      <alignment vertical="center"/>
    </xf>
    <xf numFmtId="38" fontId="4" fillId="2" borderId="26" xfId="0" applyNumberFormat="1" applyFont="1" applyFill="1" applyBorder="1">
      <alignment vertical="center"/>
    </xf>
    <xf numFmtId="0" fontId="4" fillId="2" borderId="0" xfId="0" applyFont="1" applyFill="1" applyBorder="1" applyAlignment="1">
      <alignment horizontal="left" vertical="center" wrapText="1"/>
    </xf>
    <xf numFmtId="0" fontId="4" fillId="2" borderId="0" xfId="0" applyFont="1" applyFill="1" applyBorder="1" applyAlignment="1">
      <alignment horizontal="left" vertical="center" wrapText="1"/>
    </xf>
    <xf numFmtId="38" fontId="3" fillId="0" borderId="6" xfId="1" applyFont="1" applyBorder="1">
      <alignment vertical="center"/>
    </xf>
    <xf numFmtId="38" fontId="3" fillId="0" borderId="56" xfId="1" applyFont="1" applyBorder="1">
      <alignment vertical="center"/>
    </xf>
    <xf numFmtId="38" fontId="10" fillId="0" borderId="63" xfId="1" applyFont="1" applyBorder="1" applyAlignment="1">
      <alignment vertical="center"/>
    </xf>
    <xf numFmtId="0" fontId="13" fillId="0" borderId="7" xfId="0" applyFont="1" applyBorder="1" applyAlignment="1">
      <alignment vertical="center"/>
    </xf>
    <xf numFmtId="38" fontId="10" fillId="0" borderId="7" xfId="1" applyFont="1" applyBorder="1" applyAlignment="1">
      <alignment vertical="center"/>
    </xf>
    <xf numFmtId="38" fontId="10" fillId="0" borderId="65" xfId="1" applyFont="1" applyBorder="1" applyAlignment="1">
      <alignment vertical="center"/>
    </xf>
    <xf numFmtId="38" fontId="3" fillId="0" borderId="57" xfId="1" applyFont="1" applyBorder="1" applyAlignment="1">
      <alignment horizontal="center" vertical="center"/>
    </xf>
    <xf numFmtId="38" fontId="14" fillId="0" borderId="66" xfId="1" applyFont="1" applyBorder="1" applyAlignment="1">
      <alignment vertical="center" wrapText="1"/>
    </xf>
    <xf numFmtId="38" fontId="3" fillId="2" borderId="51" xfId="1" applyFont="1" applyFill="1" applyBorder="1" applyAlignment="1">
      <alignment horizontal="center" vertical="center"/>
    </xf>
    <xf numFmtId="38" fontId="3" fillId="2" borderId="52" xfId="1" applyFont="1" applyFill="1" applyBorder="1" applyAlignment="1">
      <alignment horizontal="center" vertical="center"/>
    </xf>
    <xf numFmtId="38" fontId="3" fillId="2" borderId="68" xfId="1" applyFont="1" applyFill="1" applyBorder="1" applyAlignment="1">
      <alignment horizontal="center" vertical="center"/>
    </xf>
    <xf numFmtId="38" fontId="3" fillId="2" borderId="69" xfId="1" applyFont="1" applyFill="1" applyBorder="1" applyAlignment="1">
      <alignment horizontal="center" vertical="center"/>
    </xf>
    <xf numFmtId="38" fontId="3" fillId="2" borderId="70" xfId="1" applyFont="1" applyFill="1" applyBorder="1" applyAlignment="1">
      <alignment horizontal="center" vertical="center"/>
    </xf>
    <xf numFmtId="38" fontId="3" fillId="2" borderId="71" xfId="1" applyFont="1" applyFill="1" applyBorder="1" applyAlignment="1">
      <alignment horizontal="center" vertical="center"/>
    </xf>
    <xf numFmtId="38" fontId="4" fillId="2" borderId="47" xfId="1" applyFont="1" applyFill="1" applyBorder="1" applyAlignment="1">
      <alignment horizontal="center" vertical="center"/>
    </xf>
    <xf numFmtId="38" fontId="4" fillId="2" borderId="48" xfId="1" applyFont="1" applyFill="1" applyBorder="1" applyAlignment="1">
      <alignment horizontal="center" vertical="center"/>
    </xf>
    <xf numFmtId="38" fontId="3" fillId="0" borderId="76" xfId="0" applyNumberFormat="1" applyFont="1" applyBorder="1" applyAlignment="1">
      <alignment horizontal="center" vertical="center"/>
    </xf>
    <xf numFmtId="38" fontId="3" fillId="0" borderId="77" xfId="0" applyNumberFormat="1" applyFont="1" applyBorder="1" applyAlignment="1">
      <alignment horizontal="center" vertical="center"/>
    </xf>
    <xf numFmtId="38" fontId="3" fillId="0" borderId="72" xfId="1" applyFont="1" applyBorder="1" applyAlignment="1">
      <alignment horizontal="center" vertical="center"/>
    </xf>
    <xf numFmtId="38" fontId="3" fillId="0" borderId="73" xfId="1" applyFont="1" applyBorder="1" applyAlignment="1">
      <alignment horizontal="center" vertical="center"/>
    </xf>
    <xf numFmtId="38" fontId="12" fillId="0" borderId="76" xfId="1" applyFont="1" applyBorder="1" applyAlignment="1">
      <alignment horizontal="left" vertical="center" wrapText="1"/>
    </xf>
    <xf numFmtId="38" fontId="12" fillId="0" borderId="77" xfId="1" applyFont="1" applyBorder="1" applyAlignment="1">
      <alignment horizontal="left" vertical="center" wrapText="1"/>
    </xf>
    <xf numFmtId="38" fontId="4" fillId="2" borderId="58" xfId="1" applyFont="1" applyFill="1" applyBorder="1" applyAlignment="1">
      <alignment horizontal="left" vertical="center"/>
    </xf>
    <xf numFmtId="38" fontId="4" fillId="2" borderId="62" xfId="1" applyFont="1" applyFill="1" applyBorder="1" applyAlignment="1">
      <alignment horizontal="left" vertical="center"/>
    </xf>
    <xf numFmtId="38" fontId="4" fillId="2" borderId="63" xfId="1" applyFont="1" applyFill="1" applyBorder="1" applyAlignment="1">
      <alignment horizontal="left" vertical="center"/>
    </xf>
    <xf numFmtId="38" fontId="4" fillId="2" borderId="64" xfId="1" applyFont="1" applyFill="1" applyBorder="1" applyAlignment="1">
      <alignment horizontal="left" vertical="center"/>
    </xf>
    <xf numFmtId="38" fontId="11" fillId="0" borderId="57" xfId="1" applyFont="1" applyFill="1" applyBorder="1" applyAlignment="1">
      <alignment horizontal="center" vertical="center" wrapText="1"/>
    </xf>
    <xf numFmtId="38" fontId="11" fillId="0" borderId="67" xfId="1" applyFont="1" applyFill="1" applyBorder="1" applyAlignment="1">
      <alignment horizontal="center" vertical="center" wrapText="1"/>
    </xf>
    <xf numFmtId="38" fontId="4" fillId="0" borderId="74" xfId="1" applyFont="1" applyFill="1" applyBorder="1" applyAlignment="1">
      <alignment horizontal="left" vertical="center"/>
    </xf>
    <xf numFmtId="38" fontId="4" fillId="0" borderId="75" xfId="1" applyFont="1" applyFill="1" applyBorder="1" applyAlignment="1">
      <alignment horizontal="left" vertical="center"/>
    </xf>
    <xf numFmtId="38" fontId="12" fillId="0" borderId="74" xfId="1" applyFont="1" applyFill="1" applyBorder="1" applyAlignment="1">
      <alignment horizontal="left" vertical="center" wrapText="1"/>
    </xf>
    <xf numFmtId="38" fontId="12" fillId="0" borderId="75" xfId="1" applyFont="1" applyFill="1" applyBorder="1" applyAlignment="1">
      <alignment horizontal="left" vertical="center" wrapText="1"/>
    </xf>
    <xf numFmtId="38" fontId="12" fillId="0" borderId="76" xfId="1" applyFont="1" applyFill="1" applyBorder="1" applyAlignment="1">
      <alignment horizontal="left" vertical="center" wrapText="1"/>
    </xf>
    <xf numFmtId="38" fontId="12" fillId="0" borderId="77" xfId="1" applyFont="1" applyFill="1" applyBorder="1" applyAlignment="1">
      <alignment horizontal="left" vertical="center" wrapText="1"/>
    </xf>
    <xf numFmtId="38" fontId="12" fillId="0" borderId="74" xfId="0" applyNumberFormat="1" applyFont="1" applyBorder="1" applyAlignment="1">
      <alignment horizontal="left" vertical="center" wrapText="1"/>
    </xf>
    <xf numFmtId="38" fontId="12" fillId="0" borderId="75" xfId="0" applyNumberFormat="1" applyFont="1" applyBorder="1" applyAlignment="1">
      <alignment horizontal="left" vertical="center" wrapText="1"/>
    </xf>
    <xf numFmtId="38" fontId="3" fillId="2" borderId="49" xfId="1" applyFont="1" applyFill="1" applyBorder="1" applyAlignment="1">
      <alignment horizontal="center" vertical="center"/>
    </xf>
    <xf numFmtId="38" fontId="3" fillId="2" borderId="50" xfId="1" applyFont="1" applyFill="1" applyBorder="1" applyAlignment="1">
      <alignment horizontal="center" vertical="center"/>
    </xf>
    <xf numFmtId="38" fontId="10" fillId="0" borderId="51" xfId="1" applyFont="1" applyBorder="1" applyAlignment="1">
      <alignment horizontal="left" vertical="center"/>
    </xf>
    <xf numFmtId="38" fontId="10" fillId="0" borderId="52" xfId="1" applyFont="1" applyBorder="1" applyAlignment="1">
      <alignment horizontal="left" vertical="center"/>
    </xf>
    <xf numFmtId="38" fontId="10" fillId="0" borderId="57" xfId="1" applyFont="1" applyBorder="1" applyAlignment="1">
      <alignment horizontal="left" vertical="center"/>
    </xf>
    <xf numFmtId="38" fontId="10" fillId="0" borderId="67" xfId="1" applyFont="1" applyBorder="1" applyAlignment="1">
      <alignment horizontal="left" vertical="center"/>
    </xf>
    <xf numFmtId="38" fontId="10" fillId="0" borderId="58" xfId="1" applyFont="1" applyBorder="1" applyAlignment="1">
      <alignment horizontal="left" vertical="center"/>
    </xf>
    <xf numFmtId="38" fontId="10" fillId="0" borderId="62" xfId="1" applyFont="1" applyBorder="1" applyAlignment="1">
      <alignment horizontal="left" vertical="center"/>
    </xf>
    <xf numFmtId="0" fontId="4" fillId="0" borderId="47" xfId="0" applyFont="1" applyBorder="1" applyAlignment="1">
      <alignment horizontal="center" vertical="center"/>
    </xf>
    <xf numFmtId="0" fontId="4" fillId="0" borderId="59" xfId="0" applyFont="1" applyBorder="1" applyAlignment="1">
      <alignment horizontal="center" vertical="center"/>
    </xf>
    <xf numFmtId="0" fontId="4" fillId="0" borderId="48" xfId="0" applyFont="1" applyBorder="1" applyAlignment="1">
      <alignment horizontal="center" vertical="center"/>
    </xf>
    <xf numFmtId="0" fontId="3" fillId="2" borderId="49" xfId="0" applyFont="1" applyFill="1" applyBorder="1" applyAlignment="1">
      <alignment horizontal="left" vertical="center"/>
    </xf>
    <xf numFmtId="0" fontId="3" fillId="2" borderId="60" xfId="0" applyFont="1" applyFill="1" applyBorder="1" applyAlignment="1">
      <alignment horizontal="left" vertical="center"/>
    </xf>
    <xf numFmtId="0" fontId="3" fillId="2" borderId="50" xfId="0" applyFont="1" applyFill="1" applyBorder="1" applyAlignment="1">
      <alignment horizontal="left" vertical="center"/>
    </xf>
    <xf numFmtId="38" fontId="4" fillId="2" borderId="51" xfId="1" applyFont="1" applyFill="1" applyBorder="1" applyAlignment="1">
      <alignment horizontal="left" vertical="center"/>
    </xf>
    <xf numFmtId="38" fontId="4" fillId="2" borderId="1" xfId="1" applyFont="1" applyFill="1" applyBorder="1" applyAlignment="1">
      <alignment horizontal="left" vertical="center"/>
    </xf>
    <xf numFmtId="38" fontId="4" fillId="2" borderId="52" xfId="1" applyFont="1" applyFill="1" applyBorder="1" applyAlignment="1">
      <alignment horizontal="left" vertical="center"/>
    </xf>
    <xf numFmtId="38" fontId="3" fillId="2" borderId="51" xfId="1" applyFont="1" applyFill="1" applyBorder="1" applyAlignment="1">
      <alignment horizontal="left" vertical="center"/>
    </xf>
    <xf numFmtId="38" fontId="3" fillId="2" borderId="1" xfId="1" applyFont="1" applyFill="1" applyBorder="1" applyAlignment="1">
      <alignment horizontal="left" vertical="center"/>
    </xf>
    <xf numFmtId="38" fontId="3" fillId="2" borderId="52" xfId="1" applyFont="1" applyFill="1" applyBorder="1" applyAlignment="1">
      <alignment horizontal="left" vertical="center"/>
    </xf>
    <xf numFmtId="38" fontId="4" fillId="2" borderId="49" xfId="1" applyFont="1" applyFill="1" applyBorder="1" applyAlignment="1">
      <alignment horizontal="left" vertical="center"/>
    </xf>
    <xf numFmtId="38" fontId="4" fillId="2" borderId="60" xfId="1" applyFont="1" applyFill="1" applyBorder="1" applyAlignment="1">
      <alignment horizontal="left" vertical="center"/>
    </xf>
    <xf numFmtId="38" fontId="4" fillId="2" borderId="50" xfId="1" applyFont="1" applyFill="1" applyBorder="1" applyAlignment="1">
      <alignment horizontal="left" vertical="center"/>
    </xf>
    <xf numFmtId="38" fontId="3" fillId="0" borderId="2" xfId="1" applyFont="1" applyBorder="1" applyAlignment="1">
      <alignment horizontal="center" vertical="center"/>
    </xf>
    <xf numFmtId="38" fontId="3" fillId="0" borderId="4" xfId="1" applyFont="1" applyBorder="1" applyAlignment="1">
      <alignment horizontal="center" vertical="center"/>
    </xf>
    <xf numFmtId="38" fontId="3" fillId="0" borderId="6" xfId="1" applyFont="1" applyBorder="1" applyAlignment="1">
      <alignment horizontal="center" vertical="center"/>
    </xf>
    <xf numFmtId="38" fontId="3" fillId="0" borderId="14" xfId="0" applyNumberFormat="1" applyFont="1" applyBorder="1" applyAlignment="1">
      <alignment horizontal="center" vertical="center"/>
    </xf>
    <xf numFmtId="38" fontId="3" fillId="0" borderId="16" xfId="0" applyNumberFormat="1" applyFont="1" applyBorder="1" applyAlignment="1">
      <alignment horizontal="center" vertical="center"/>
    </xf>
    <xf numFmtId="38" fontId="3" fillId="0" borderId="17" xfId="0" applyNumberFormat="1" applyFont="1" applyBorder="1" applyAlignment="1">
      <alignment horizontal="center" vertical="center"/>
    </xf>
    <xf numFmtId="0" fontId="3" fillId="0" borderId="0" xfId="0" applyFont="1" applyAlignment="1">
      <alignment horizontal="right" vertical="center"/>
    </xf>
    <xf numFmtId="0" fontId="3" fillId="0" borderId="0" xfId="0" applyFont="1" applyBorder="1" applyAlignment="1">
      <alignment horizontal="right" vertical="center"/>
    </xf>
    <xf numFmtId="0" fontId="9" fillId="0" borderId="15" xfId="0" applyFont="1" applyFill="1" applyBorder="1" applyAlignment="1">
      <alignment horizontal="left" vertical="center" wrapText="1" indent="1"/>
    </xf>
    <xf numFmtId="0" fontId="9" fillId="0" borderId="11" xfId="0" applyFont="1" applyFill="1" applyBorder="1" applyAlignment="1">
      <alignment horizontal="left" vertical="center" wrapText="1" indent="1"/>
    </xf>
    <xf numFmtId="0" fontId="4" fillId="0" borderId="0" xfId="0" applyFont="1" applyFill="1" applyBorder="1" applyAlignment="1">
      <alignment horizontal="left" vertical="center" wrapText="1"/>
    </xf>
    <xf numFmtId="0" fontId="4" fillId="2" borderId="0" xfId="0" applyFont="1" applyFill="1" applyBorder="1" applyAlignment="1">
      <alignment horizontal="left" vertical="center" wrapText="1"/>
    </xf>
    <xf numFmtId="0" fontId="8" fillId="0" borderId="0" xfId="0" applyFont="1" applyAlignment="1">
      <alignment horizontal="center" vertical="center" wrapText="1"/>
    </xf>
    <xf numFmtId="0" fontId="9" fillId="0" borderId="13" xfId="0" applyFont="1" applyBorder="1" applyAlignment="1">
      <alignment vertical="center" wrapText="1" shrinkToFit="1"/>
    </xf>
    <xf numFmtId="0" fontId="9" fillId="0" borderId="55" xfId="0" applyFont="1" applyBorder="1" applyAlignment="1">
      <alignment vertical="center" wrapText="1" shrinkToFit="1"/>
    </xf>
    <xf numFmtId="0" fontId="9" fillId="0" borderId="15" xfId="0" applyFont="1" applyBorder="1" applyAlignment="1">
      <alignment vertical="center" wrapText="1" shrinkToFit="1"/>
    </xf>
    <xf numFmtId="38" fontId="3" fillId="2" borderId="53" xfId="1" applyFont="1" applyFill="1" applyBorder="1" applyAlignment="1">
      <alignment horizontal="left" vertical="center"/>
    </xf>
    <xf numFmtId="38" fontId="3" fillId="2" borderId="61" xfId="1" applyFont="1" applyFill="1" applyBorder="1" applyAlignment="1">
      <alignment horizontal="left" vertical="center"/>
    </xf>
    <xf numFmtId="38" fontId="3" fillId="2" borderId="54" xfId="1" applyFont="1" applyFill="1" applyBorder="1" applyAlignment="1">
      <alignment horizontal="left" vertical="center"/>
    </xf>
    <xf numFmtId="38" fontId="4" fillId="2" borderId="47" xfId="0" applyNumberFormat="1" applyFont="1" applyFill="1" applyBorder="1" applyAlignment="1">
      <alignment horizontal="left" vertical="center"/>
    </xf>
    <xf numFmtId="38" fontId="4" fillId="2" borderId="59" xfId="0" applyNumberFormat="1" applyFont="1" applyFill="1" applyBorder="1" applyAlignment="1">
      <alignment horizontal="left" vertical="center"/>
    </xf>
    <xf numFmtId="38" fontId="4" fillId="2" borderId="48" xfId="0" applyNumberFormat="1" applyFont="1" applyFill="1" applyBorder="1" applyAlignment="1">
      <alignment horizontal="left" vertical="center"/>
    </xf>
    <xf numFmtId="0" fontId="4" fillId="2" borderId="0" xfId="0" applyFont="1" applyFill="1" applyBorder="1" applyAlignment="1">
      <alignment horizontal="left" vertical="center" wrapText="1" indent="1"/>
    </xf>
    <xf numFmtId="0" fontId="4" fillId="0" borderId="0" xfId="0" applyFont="1" applyFill="1" applyBorder="1" applyAlignment="1">
      <alignment horizontal="left" vertical="top" wrapText="1" indent="1"/>
    </xf>
    <xf numFmtId="38" fontId="10" fillId="0" borderId="63" xfId="1" applyFont="1" applyBorder="1" applyAlignment="1">
      <alignment horizontal="left" vertical="center"/>
    </xf>
    <xf numFmtId="38" fontId="10" fillId="0" borderId="64" xfId="1" applyFont="1" applyBorder="1" applyAlignment="1">
      <alignment horizontal="left" vertical="center"/>
    </xf>
    <xf numFmtId="38" fontId="10" fillId="0" borderId="63" xfId="1" applyFont="1" applyBorder="1" applyAlignment="1">
      <alignment horizontal="left" vertical="center" shrinkToFit="1"/>
    </xf>
    <xf numFmtId="38" fontId="10" fillId="0" borderId="64" xfId="1" applyFont="1" applyBorder="1" applyAlignment="1">
      <alignment horizontal="left" vertical="center" shrinkToFit="1"/>
    </xf>
    <xf numFmtId="38" fontId="10" fillId="0" borderId="63" xfId="1" applyFont="1" applyFill="1" applyBorder="1" applyAlignment="1">
      <alignment horizontal="center" vertical="center" wrapText="1"/>
    </xf>
    <xf numFmtId="38" fontId="10" fillId="0" borderId="64" xfId="1" applyFont="1" applyFill="1" applyBorder="1" applyAlignment="1">
      <alignment horizontal="center" vertical="center" wrapText="1"/>
    </xf>
  </cellXfs>
  <cellStyles count="3">
    <cellStyle name="桁区切り" xfId="1" builtinId="6"/>
    <cellStyle name="標準" xfId="0" builtinId="0"/>
    <cellStyle name="標準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N73"/>
  <sheetViews>
    <sheetView tabSelected="1" view="pageBreakPreview" zoomScale="136" zoomScaleNormal="100" zoomScaleSheetLayoutView="136" workbookViewId="0">
      <selection activeCell="D23" sqref="D23"/>
    </sheetView>
  </sheetViews>
  <sheetFormatPr defaultColWidth="9" defaultRowHeight="13.2" x14ac:dyDescent="0.2"/>
  <cols>
    <col min="1" max="1" width="25.3984375" style="13" customWidth="1"/>
    <col min="2" max="2" width="9.59765625" style="14" customWidth="1"/>
    <col min="3" max="3" width="4.3984375" style="14" customWidth="1"/>
    <col min="4" max="4" width="21.09765625" style="14" customWidth="1"/>
    <col min="5" max="10" width="9.59765625" style="14" customWidth="1"/>
    <col min="11" max="1418" width="9" style="15"/>
    <col min="1419" max="16384" width="9" style="14"/>
  </cols>
  <sheetData>
    <row r="1" spans="1:1418" x14ac:dyDescent="0.2">
      <c r="I1" s="174" t="s">
        <v>21</v>
      </c>
      <c r="J1" s="174"/>
    </row>
    <row r="2" spans="1:1418" ht="17.25" customHeight="1" x14ac:dyDescent="0.2">
      <c r="A2" s="180" t="s">
        <v>36</v>
      </c>
      <c r="B2" s="180"/>
      <c r="C2" s="180"/>
      <c r="D2" s="180"/>
      <c r="E2" s="180"/>
      <c r="F2" s="180"/>
      <c r="G2" s="180"/>
      <c r="H2" s="180"/>
      <c r="I2" s="180"/>
      <c r="J2" s="180"/>
    </row>
    <row r="3" spans="1:1418" ht="9" customHeight="1" x14ac:dyDescent="0.2">
      <c r="A3" s="16"/>
      <c r="B3" s="17"/>
      <c r="C3" s="17"/>
      <c r="D3" s="17"/>
      <c r="E3" s="17"/>
      <c r="F3" s="17"/>
      <c r="G3" s="17"/>
      <c r="H3" s="17"/>
      <c r="I3" s="174"/>
      <c r="J3" s="174"/>
    </row>
    <row r="4" spans="1:1418" ht="15" customHeight="1" thickBot="1" x14ac:dyDescent="0.25">
      <c r="A4" s="25" t="s">
        <v>11</v>
      </c>
      <c r="B4" s="18"/>
      <c r="C4" s="18"/>
      <c r="D4" s="18"/>
      <c r="E4" s="18"/>
      <c r="F4" s="18"/>
      <c r="G4" s="18"/>
      <c r="H4" s="18"/>
      <c r="I4" s="174" t="s">
        <v>7</v>
      </c>
      <c r="J4" s="174"/>
    </row>
    <row r="5" spans="1:1418" ht="27.75" customHeight="1" thickBot="1" x14ac:dyDescent="0.25">
      <c r="A5" s="99" t="s">
        <v>5</v>
      </c>
      <c r="B5" s="100" t="s">
        <v>67</v>
      </c>
      <c r="C5" s="153" t="s">
        <v>4</v>
      </c>
      <c r="D5" s="154"/>
      <c r="E5" s="155"/>
      <c r="F5" s="101" t="s">
        <v>68</v>
      </c>
      <c r="G5" s="100" t="s">
        <v>69</v>
      </c>
      <c r="H5" s="100" t="s">
        <v>70</v>
      </c>
      <c r="I5" s="100" t="s">
        <v>71</v>
      </c>
      <c r="J5" s="102" t="s">
        <v>6</v>
      </c>
    </row>
    <row r="6" spans="1:1418" s="20" customFormat="1" ht="18" customHeight="1" x14ac:dyDescent="0.2">
      <c r="A6" s="95" t="s">
        <v>12</v>
      </c>
      <c r="B6" s="96"/>
      <c r="C6" s="156"/>
      <c r="D6" s="157"/>
      <c r="E6" s="158"/>
      <c r="F6" s="97"/>
      <c r="G6" s="97"/>
      <c r="H6" s="97"/>
      <c r="I6" s="97"/>
      <c r="J6" s="98"/>
      <c r="K6" s="19"/>
      <c r="L6" s="19"/>
      <c r="M6" s="19"/>
      <c r="N6" s="19"/>
      <c r="O6" s="19"/>
      <c r="P6" s="19"/>
      <c r="Q6" s="19"/>
      <c r="R6" s="19"/>
      <c r="S6" s="19"/>
      <c r="T6" s="19"/>
      <c r="U6" s="19"/>
      <c r="V6" s="19"/>
      <c r="W6" s="19"/>
      <c r="X6" s="19"/>
      <c r="Y6" s="19"/>
      <c r="Z6" s="19"/>
      <c r="AA6" s="19"/>
      <c r="AB6" s="19"/>
      <c r="AC6" s="19"/>
      <c r="AD6" s="19"/>
      <c r="AE6" s="19"/>
      <c r="AF6" s="19"/>
      <c r="AG6" s="19"/>
      <c r="AH6" s="19"/>
      <c r="AI6" s="19"/>
      <c r="AJ6" s="19"/>
      <c r="AK6" s="19"/>
      <c r="AL6" s="19"/>
      <c r="AM6" s="19"/>
      <c r="AN6" s="19"/>
      <c r="AO6" s="19"/>
      <c r="AP6" s="19"/>
      <c r="AQ6" s="19"/>
      <c r="AR6" s="19"/>
      <c r="AS6" s="19"/>
      <c r="AT6" s="19"/>
      <c r="AU6" s="19"/>
      <c r="AV6" s="19"/>
      <c r="AW6" s="19"/>
      <c r="AX6" s="19"/>
      <c r="AY6" s="19"/>
      <c r="AZ6" s="19"/>
      <c r="BA6" s="19"/>
      <c r="BB6" s="19"/>
      <c r="BC6" s="19"/>
      <c r="BD6" s="19"/>
      <c r="BE6" s="19"/>
      <c r="BF6" s="19"/>
      <c r="BG6" s="19"/>
      <c r="BH6" s="19"/>
      <c r="BI6" s="19"/>
      <c r="BJ6" s="19"/>
      <c r="BK6" s="19"/>
      <c r="BL6" s="19"/>
      <c r="BM6" s="19"/>
      <c r="BN6" s="19"/>
      <c r="BO6" s="19"/>
      <c r="BP6" s="19"/>
      <c r="BQ6" s="19"/>
      <c r="BR6" s="19"/>
      <c r="BS6" s="19"/>
      <c r="BT6" s="19"/>
      <c r="BU6" s="19"/>
      <c r="BV6" s="19"/>
      <c r="BW6" s="19"/>
      <c r="BX6" s="19"/>
      <c r="BY6" s="19"/>
      <c r="BZ6" s="19"/>
      <c r="CA6" s="19"/>
      <c r="CB6" s="19"/>
      <c r="CC6" s="19"/>
      <c r="CD6" s="19"/>
      <c r="CE6" s="19"/>
      <c r="CF6" s="19"/>
      <c r="CG6" s="19"/>
      <c r="CH6" s="19"/>
      <c r="CI6" s="19"/>
      <c r="CJ6" s="19"/>
      <c r="CK6" s="19"/>
      <c r="CL6" s="19"/>
      <c r="CM6" s="19"/>
      <c r="CN6" s="19"/>
      <c r="CO6" s="19"/>
      <c r="CP6" s="19"/>
      <c r="CQ6" s="19"/>
      <c r="CR6" s="19"/>
      <c r="CS6" s="19"/>
      <c r="CT6" s="19"/>
      <c r="CU6" s="19"/>
      <c r="CV6" s="19"/>
      <c r="CW6" s="19"/>
      <c r="CX6" s="19"/>
      <c r="CY6" s="19"/>
      <c r="CZ6" s="19"/>
      <c r="DA6" s="19"/>
      <c r="DB6" s="19"/>
      <c r="DC6" s="19"/>
      <c r="DD6" s="19"/>
      <c r="DE6" s="19"/>
      <c r="DF6" s="19"/>
      <c r="DG6" s="19"/>
      <c r="DH6" s="19"/>
      <c r="DI6" s="19"/>
      <c r="DJ6" s="19"/>
      <c r="DK6" s="19"/>
      <c r="DL6" s="19"/>
      <c r="DM6" s="19"/>
      <c r="DN6" s="19"/>
      <c r="DO6" s="19"/>
      <c r="DP6" s="19"/>
      <c r="DQ6" s="19"/>
      <c r="DR6" s="19"/>
      <c r="DS6" s="19"/>
      <c r="DT6" s="19"/>
      <c r="DU6" s="19"/>
      <c r="DV6" s="19"/>
      <c r="DW6" s="19"/>
      <c r="DX6" s="19"/>
      <c r="DY6" s="19"/>
      <c r="DZ6" s="19"/>
      <c r="EA6" s="19"/>
      <c r="EB6" s="19"/>
      <c r="EC6" s="19"/>
      <c r="ED6" s="19"/>
      <c r="EE6" s="19"/>
      <c r="EF6" s="19"/>
      <c r="EG6" s="19"/>
      <c r="EH6" s="19"/>
      <c r="EI6" s="19"/>
      <c r="EJ6" s="19"/>
      <c r="EK6" s="19"/>
      <c r="EL6" s="19"/>
      <c r="EM6" s="19"/>
      <c r="EN6" s="19"/>
      <c r="EO6" s="19"/>
      <c r="EP6" s="19"/>
      <c r="EQ6" s="19"/>
      <c r="ER6" s="19"/>
      <c r="ES6" s="19"/>
      <c r="ET6" s="19"/>
      <c r="EU6" s="19"/>
      <c r="EV6" s="19"/>
      <c r="EW6" s="19"/>
      <c r="EX6" s="19"/>
      <c r="EY6" s="19"/>
      <c r="EZ6" s="19"/>
      <c r="FA6" s="19"/>
      <c r="FB6" s="19"/>
      <c r="FC6" s="19"/>
      <c r="FD6" s="19"/>
      <c r="FE6" s="19"/>
      <c r="FF6" s="19"/>
      <c r="FG6" s="19"/>
      <c r="FH6" s="19"/>
      <c r="FI6" s="19"/>
      <c r="FJ6" s="19"/>
      <c r="FK6" s="19"/>
      <c r="FL6" s="19"/>
      <c r="FM6" s="19"/>
      <c r="FN6" s="19"/>
      <c r="FO6" s="19"/>
      <c r="FP6" s="19"/>
      <c r="FQ6" s="19"/>
      <c r="FR6" s="19"/>
      <c r="FS6" s="19"/>
      <c r="FT6" s="19"/>
      <c r="FU6" s="19"/>
      <c r="FV6" s="19"/>
      <c r="FW6" s="19"/>
      <c r="FX6" s="19"/>
      <c r="FY6" s="19"/>
      <c r="FZ6" s="19"/>
      <c r="GA6" s="19"/>
      <c r="GB6" s="19"/>
      <c r="GC6" s="19"/>
      <c r="GD6" s="19"/>
      <c r="GE6" s="19"/>
      <c r="GF6" s="19"/>
      <c r="GG6" s="19"/>
      <c r="GH6" s="19"/>
      <c r="GI6" s="19"/>
      <c r="GJ6" s="19"/>
      <c r="GK6" s="19"/>
      <c r="GL6" s="19"/>
      <c r="GM6" s="19"/>
      <c r="GN6" s="19"/>
      <c r="GO6" s="19"/>
      <c r="GP6" s="19"/>
      <c r="GQ6" s="19"/>
      <c r="GR6" s="19"/>
      <c r="GS6" s="19"/>
      <c r="GT6" s="19"/>
      <c r="GU6" s="19"/>
      <c r="GV6" s="19"/>
      <c r="GW6" s="19"/>
      <c r="GX6" s="19"/>
      <c r="GY6" s="19"/>
      <c r="GZ6" s="19"/>
      <c r="HA6" s="19"/>
      <c r="HB6" s="19"/>
      <c r="HC6" s="19"/>
      <c r="HD6" s="19"/>
      <c r="HE6" s="19"/>
      <c r="HF6" s="19"/>
      <c r="HG6" s="19"/>
      <c r="HH6" s="19"/>
      <c r="HI6" s="19"/>
      <c r="HJ6" s="19"/>
      <c r="HK6" s="19"/>
      <c r="HL6" s="19"/>
      <c r="HM6" s="19"/>
      <c r="HN6" s="19"/>
      <c r="HO6" s="19"/>
      <c r="HP6" s="19"/>
      <c r="HQ6" s="19"/>
      <c r="HR6" s="19"/>
      <c r="HS6" s="19"/>
      <c r="HT6" s="19"/>
      <c r="HU6" s="19"/>
      <c r="HV6" s="19"/>
      <c r="HW6" s="19"/>
      <c r="HX6" s="19"/>
      <c r="HY6" s="19"/>
      <c r="HZ6" s="19"/>
      <c r="IA6" s="19"/>
      <c r="IB6" s="19"/>
      <c r="IC6" s="19"/>
      <c r="ID6" s="19"/>
      <c r="IE6" s="19"/>
      <c r="IF6" s="19"/>
      <c r="IG6" s="19"/>
      <c r="IH6" s="19"/>
      <c r="II6" s="19"/>
      <c r="IJ6" s="19"/>
      <c r="IK6" s="19"/>
      <c r="IL6" s="19"/>
      <c r="IM6" s="19"/>
      <c r="IN6" s="19"/>
      <c r="IO6" s="19"/>
      <c r="IP6" s="19"/>
      <c r="IQ6" s="19"/>
      <c r="IR6" s="19"/>
      <c r="IS6" s="19"/>
      <c r="IT6" s="19"/>
      <c r="IU6" s="19"/>
      <c r="IV6" s="19"/>
      <c r="IW6" s="19"/>
      <c r="IX6" s="19"/>
      <c r="IY6" s="19"/>
      <c r="IZ6" s="19"/>
      <c r="JA6" s="19"/>
      <c r="JB6" s="19"/>
      <c r="JC6" s="19"/>
      <c r="JD6" s="19"/>
      <c r="JE6" s="19"/>
      <c r="JF6" s="19"/>
      <c r="JG6" s="19"/>
      <c r="JH6" s="19"/>
      <c r="JI6" s="19"/>
      <c r="JJ6" s="19"/>
      <c r="JK6" s="19"/>
      <c r="JL6" s="19"/>
      <c r="JM6" s="19"/>
      <c r="JN6" s="19"/>
      <c r="JO6" s="19"/>
      <c r="JP6" s="19"/>
      <c r="JQ6" s="19"/>
      <c r="JR6" s="19"/>
      <c r="JS6" s="19"/>
      <c r="JT6" s="19"/>
      <c r="JU6" s="19"/>
      <c r="JV6" s="19"/>
      <c r="JW6" s="19"/>
      <c r="JX6" s="19"/>
      <c r="JY6" s="19"/>
      <c r="JZ6" s="19"/>
      <c r="KA6" s="19"/>
      <c r="KB6" s="19"/>
      <c r="KC6" s="19"/>
      <c r="KD6" s="19"/>
      <c r="KE6" s="19"/>
      <c r="KF6" s="19"/>
      <c r="KG6" s="19"/>
      <c r="KH6" s="19"/>
      <c r="KI6" s="19"/>
      <c r="KJ6" s="19"/>
      <c r="KK6" s="19"/>
      <c r="KL6" s="19"/>
      <c r="KM6" s="19"/>
      <c r="KN6" s="19"/>
      <c r="KO6" s="19"/>
      <c r="KP6" s="19"/>
      <c r="KQ6" s="19"/>
      <c r="KR6" s="19"/>
      <c r="KS6" s="19"/>
      <c r="KT6" s="19"/>
      <c r="KU6" s="19"/>
      <c r="KV6" s="19"/>
      <c r="KW6" s="19"/>
      <c r="KX6" s="19"/>
      <c r="KY6" s="19"/>
      <c r="KZ6" s="19"/>
      <c r="LA6" s="19"/>
      <c r="LB6" s="19"/>
      <c r="LC6" s="19"/>
      <c r="LD6" s="19"/>
      <c r="LE6" s="19"/>
      <c r="LF6" s="19"/>
      <c r="LG6" s="19"/>
      <c r="LH6" s="19"/>
      <c r="LI6" s="19"/>
      <c r="LJ6" s="19"/>
      <c r="LK6" s="19"/>
      <c r="LL6" s="19"/>
      <c r="LM6" s="19"/>
      <c r="LN6" s="19"/>
      <c r="LO6" s="19"/>
      <c r="LP6" s="19"/>
      <c r="LQ6" s="19"/>
      <c r="LR6" s="19"/>
      <c r="LS6" s="19"/>
      <c r="LT6" s="19"/>
      <c r="LU6" s="19"/>
      <c r="LV6" s="19"/>
      <c r="LW6" s="19"/>
      <c r="LX6" s="19"/>
      <c r="LY6" s="19"/>
      <c r="LZ6" s="19"/>
      <c r="MA6" s="19"/>
      <c r="MB6" s="19"/>
      <c r="MC6" s="19"/>
      <c r="MD6" s="19"/>
      <c r="ME6" s="19"/>
      <c r="MF6" s="19"/>
      <c r="MG6" s="19"/>
      <c r="MH6" s="19"/>
      <c r="MI6" s="19"/>
      <c r="MJ6" s="19"/>
      <c r="MK6" s="19"/>
      <c r="ML6" s="19"/>
      <c r="MM6" s="19"/>
      <c r="MN6" s="19"/>
      <c r="MO6" s="19"/>
      <c r="MP6" s="19"/>
      <c r="MQ6" s="19"/>
      <c r="MR6" s="19"/>
      <c r="MS6" s="19"/>
      <c r="MT6" s="19"/>
      <c r="MU6" s="19"/>
      <c r="MV6" s="19"/>
      <c r="MW6" s="19"/>
      <c r="MX6" s="19"/>
      <c r="MY6" s="19"/>
      <c r="MZ6" s="19"/>
      <c r="NA6" s="19"/>
      <c r="NB6" s="19"/>
      <c r="NC6" s="19"/>
      <c r="ND6" s="19"/>
      <c r="NE6" s="19"/>
      <c r="NF6" s="19"/>
      <c r="NG6" s="19"/>
      <c r="NH6" s="19"/>
      <c r="NI6" s="19"/>
      <c r="NJ6" s="19"/>
      <c r="NK6" s="19"/>
      <c r="NL6" s="19"/>
      <c r="NM6" s="19"/>
      <c r="NN6" s="19"/>
      <c r="NO6" s="19"/>
      <c r="NP6" s="19"/>
      <c r="NQ6" s="19"/>
      <c r="NR6" s="19"/>
      <c r="NS6" s="19"/>
      <c r="NT6" s="19"/>
      <c r="NU6" s="19"/>
      <c r="NV6" s="19"/>
      <c r="NW6" s="19"/>
      <c r="NX6" s="19"/>
      <c r="NY6" s="19"/>
      <c r="NZ6" s="19"/>
      <c r="OA6" s="19"/>
      <c r="OB6" s="19"/>
      <c r="OC6" s="19"/>
      <c r="OD6" s="19"/>
      <c r="OE6" s="19"/>
      <c r="OF6" s="19"/>
      <c r="OG6" s="19"/>
      <c r="OH6" s="19"/>
      <c r="OI6" s="19"/>
      <c r="OJ6" s="19"/>
      <c r="OK6" s="19"/>
      <c r="OL6" s="19"/>
      <c r="OM6" s="19"/>
      <c r="ON6" s="19"/>
      <c r="OO6" s="19"/>
      <c r="OP6" s="19"/>
      <c r="OQ6" s="19"/>
      <c r="OR6" s="19"/>
      <c r="OS6" s="19"/>
      <c r="OT6" s="19"/>
      <c r="OU6" s="19"/>
      <c r="OV6" s="19"/>
      <c r="OW6" s="19"/>
      <c r="OX6" s="19"/>
      <c r="OY6" s="19"/>
      <c r="OZ6" s="19"/>
      <c r="PA6" s="19"/>
      <c r="PB6" s="19"/>
      <c r="PC6" s="19"/>
      <c r="PD6" s="19"/>
      <c r="PE6" s="19"/>
      <c r="PF6" s="19"/>
      <c r="PG6" s="19"/>
      <c r="PH6" s="19"/>
      <c r="PI6" s="19"/>
      <c r="PJ6" s="19"/>
      <c r="PK6" s="19"/>
      <c r="PL6" s="19"/>
      <c r="PM6" s="19"/>
      <c r="PN6" s="19"/>
      <c r="PO6" s="19"/>
      <c r="PP6" s="19"/>
      <c r="PQ6" s="19"/>
      <c r="PR6" s="19"/>
      <c r="PS6" s="19"/>
      <c r="PT6" s="19"/>
      <c r="PU6" s="19"/>
      <c r="PV6" s="19"/>
      <c r="PW6" s="19"/>
      <c r="PX6" s="19"/>
      <c r="PY6" s="19"/>
      <c r="PZ6" s="19"/>
      <c r="QA6" s="19"/>
      <c r="QB6" s="19"/>
      <c r="QC6" s="19"/>
      <c r="QD6" s="19"/>
      <c r="QE6" s="19"/>
      <c r="QF6" s="19"/>
      <c r="QG6" s="19"/>
      <c r="QH6" s="19"/>
      <c r="QI6" s="19"/>
      <c r="QJ6" s="19"/>
      <c r="QK6" s="19"/>
      <c r="QL6" s="19"/>
      <c r="QM6" s="19"/>
      <c r="QN6" s="19"/>
      <c r="QO6" s="19"/>
      <c r="QP6" s="19"/>
      <c r="QQ6" s="19"/>
      <c r="QR6" s="19"/>
      <c r="QS6" s="19"/>
      <c r="QT6" s="19"/>
      <c r="QU6" s="19"/>
      <c r="QV6" s="19"/>
      <c r="QW6" s="19"/>
      <c r="QX6" s="19"/>
      <c r="QY6" s="19"/>
      <c r="QZ6" s="19"/>
      <c r="RA6" s="19"/>
      <c r="RB6" s="19"/>
      <c r="RC6" s="19"/>
      <c r="RD6" s="19"/>
      <c r="RE6" s="19"/>
      <c r="RF6" s="19"/>
      <c r="RG6" s="19"/>
      <c r="RH6" s="19"/>
      <c r="RI6" s="19"/>
      <c r="RJ6" s="19"/>
      <c r="RK6" s="19"/>
      <c r="RL6" s="19"/>
      <c r="RM6" s="19"/>
      <c r="RN6" s="19"/>
      <c r="RO6" s="19"/>
      <c r="RP6" s="19"/>
      <c r="RQ6" s="19"/>
      <c r="RR6" s="19"/>
      <c r="RS6" s="19"/>
      <c r="RT6" s="19"/>
      <c r="RU6" s="19"/>
      <c r="RV6" s="19"/>
      <c r="RW6" s="19"/>
      <c r="RX6" s="19"/>
      <c r="RY6" s="19"/>
      <c r="RZ6" s="19"/>
      <c r="SA6" s="19"/>
      <c r="SB6" s="19"/>
      <c r="SC6" s="19"/>
      <c r="SD6" s="19"/>
      <c r="SE6" s="19"/>
      <c r="SF6" s="19"/>
      <c r="SG6" s="19"/>
      <c r="SH6" s="19"/>
      <c r="SI6" s="19"/>
      <c r="SJ6" s="19"/>
      <c r="SK6" s="19"/>
      <c r="SL6" s="19"/>
      <c r="SM6" s="19"/>
      <c r="SN6" s="19"/>
      <c r="SO6" s="19"/>
      <c r="SP6" s="19"/>
      <c r="SQ6" s="19"/>
      <c r="SR6" s="19"/>
      <c r="SS6" s="19"/>
      <c r="ST6" s="19"/>
      <c r="SU6" s="19"/>
      <c r="SV6" s="19"/>
      <c r="SW6" s="19"/>
      <c r="SX6" s="19"/>
      <c r="SY6" s="19"/>
      <c r="SZ6" s="19"/>
      <c r="TA6" s="19"/>
      <c r="TB6" s="19"/>
      <c r="TC6" s="19"/>
      <c r="TD6" s="19"/>
      <c r="TE6" s="19"/>
      <c r="TF6" s="19"/>
      <c r="TG6" s="19"/>
      <c r="TH6" s="19"/>
      <c r="TI6" s="19"/>
      <c r="TJ6" s="19"/>
      <c r="TK6" s="19"/>
      <c r="TL6" s="19"/>
      <c r="TM6" s="19"/>
      <c r="TN6" s="19"/>
      <c r="TO6" s="19"/>
      <c r="TP6" s="19"/>
      <c r="TQ6" s="19"/>
      <c r="TR6" s="19"/>
      <c r="TS6" s="19"/>
      <c r="TT6" s="19"/>
      <c r="TU6" s="19"/>
      <c r="TV6" s="19"/>
      <c r="TW6" s="19"/>
      <c r="TX6" s="19"/>
      <c r="TY6" s="19"/>
      <c r="TZ6" s="19"/>
      <c r="UA6" s="19"/>
      <c r="UB6" s="19"/>
      <c r="UC6" s="19"/>
      <c r="UD6" s="19"/>
      <c r="UE6" s="19"/>
      <c r="UF6" s="19"/>
      <c r="UG6" s="19"/>
      <c r="UH6" s="19"/>
      <c r="UI6" s="19"/>
      <c r="UJ6" s="19"/>
      <c r="UK6" s="19"/>
      <c r="UL6" s="19"/>
      <c r="UM6" s="19"/>
      <c r="UN6" s="19"/>
      <c r="UO6" s="19"/>
      <c r="UP6" s="19"/>
      <c r="UQ6" s="19"/>
      <c r="UR6" s="19"/>
      <c r="US6" s="19"/>
      <c r="UT6" s="19"/>
      <c r="UU6" s="19"/>
      <c r="UV6" s="19"/>
      <c r="UW6" s="19"/>
      <c r="UX6" s="19"/>
      <c r="UY6" s="19"/>
      <c r="UZ6" s="19"/>
      <c r="VA6" s="19"/>
      <c r="VB6" s="19"/>
      <c r="VC6" s="19"/>
      <c r="VD6" s="19"/>
      <c r="VE6" s="19"/>
      <c r="VF6" s="19"/>
      <c r="VG6" s="19"/>
      <c r="VH6" s="19"/>
      <c r="VI6" s="19"/>
      <c r="VJ6" s="19"/>
      <c r="VK6" s="19"/>
      <c r="VL6" s="19"/>
      <c r="VM6" s="19"/>
      <c r="VN6" s="19"/>
      <c r="VO6" s="19"/>
      <c r="VP6" s="19"/>
      <c r="VQ6" s="19"/>
      <c r="VR6" s="19"/>
      <c r="VS6" s="19"/>
      <c r="VT6" s="19"/>
      <c r="VU6" s="19"/>
      <c r="VV6" s="19"/>
      <c r="VW6" s="19"/>
      <c r="VX6" s="19"/>
      <c r="VY6" s="19"/>
      <c r="VZ6" s="19"/>
      <c r="WA6" s="19"/>
      <c r="WB6" s="19"/>
      <c r="WC6" s="19"/>
      <c r="WD6" s="19"/>
      <c r="WE6" s="19"/>
      <c r="WF6" s="19"/>
      <c r="WG6" s="19"/>
      <c r="WH6" s="19"/>
      <c r="WI6" s="19"/>
      <c r="WJ6" s="19"/>
      <c r="WK6" s="19"/>
      <c r="WL6" s="19"/>
      <c r="WM6" s="19"/>
      <c r="WN6" s="19"/>
      <c r="WO6" s="19"/>
      <c r="WP6" s="19"/>
      <c r="WQ6" s="19"/>
      <c r="WR6" s="19"/>
      <c r="WS6" s="19"/>
      <c r="WT6" s="19"/>
      <c r="WU6" s="19"/>
      <c r="WV6" s="19"/>
      <c r="WW6" s="19"/>
      <c r="WX6" s="19"/>
      <c r="WY6" s="19"/>
      <c r="WZ6" s="19"/>
      <c r="XA6" s="19"/>
      <c r="XB6" s="19"/>
      <c r="XC6" s="19"/>
      <c r="XD6" s="19"/>
      <c r="XE6" s="19"/>
      <c r="XF6" s="19"/>
      <c r="XG6" s="19"/>
      <c r="XH6" s="19"/>
      <c r="XI6" s="19"/>
      <c r="XJ6" s="19"/>
      <c r="XK6" s="19"/>
      <c r="XL6" s="19"/>
      <c r="XM6" s="19"/>
      <c r="XN6" s="19"/>
      <c r="XO6" s="19"/>
      <c r="XP6" s="19"/>
      <c r="XQ6" s="19"/>
      <c r="XR6" s="19"/>
      <c r="XS6" s="19"/>
      <c r="XT6" s="19"/>
      <c r="XU6" s="19"/>
      <c r="XV6" s="19"/>
      <c r="XW6" s="19"/>
      <c r="XX6" s="19"/>
      <c r="XY6" s="19"/>
      <c r="XZ6" s="19"/>
      <c r="YA6" s="19"/>
      <c r="YB6" s="19"/>
      <c r="YC6" s="19"/>
      <c r="YD6" s="19"/>
      <c r="YE6" s="19"/>
      <c r="YF6" s="19"/>
      <c r="YG6" s="19"/>
      <c r="YH6" s="19"/>
      <c r="YI6" s="19"/>
      <c r="YJ6" s="19"/>
      <c r="YK6" s="19"/>
      <c r="YL6" s="19"/>
      <c r="YM6" s="19"/>
      <c r="YN6" s="19"/>
      <c r="YO6" s="19"/>
      <c r="YP6" s="19"/>
      <c r="YQ6" s="19"/>
      <c r="YR6" s="19"/>
      <c r="YS6" s="19"/>
      <c r="YT6" s="19"/>
      <c r="YU6" s="19"/>
      <c r="YV6" s="19"/>
      <c r="YW6" s="19"/>
      <c r="YX6" s="19"/>
      <c r="YY6" s="19"/>
      <c r="YZ6" s="19"/>
      <c r="ZA6" s="19"/>
      <c r="ZB6" s="19"/>
      <c r="ZC6" s="19"/>
      <c r="ZD6" s="19"/>
      <c r="ZE6" s="19"/>
      <c r="ZF6" s="19"/>
      <c r="ZG6" s="19"/>
      <c r="ZH6" s="19"/>
      <c r="ZI6" s="19"/>
      <c r="ZJ6" s="19"/>
      <c r="ZK6" s="19"/>
      <c r="ZL6" s="19"/>
      <c r="ZM6" s="19"/>
      <c r="ZN6" s="19"/>
      <c r="ZO6" s="19"/>
      <c r="ZP6" s="19"/>
      <c r="ZQ6" s="19"/>
      <c r="ZR6" s="19"/>
      <c r="ZS6" s="19"/>
      <c r="ZT6" s="19"/>
      <c r="ZU6" s="19"/>
      <c r="ZV6" s="19"/>
      <c r="ZW6" s="19"/>
      <c r="ZX6" s="19"/>
      <c r="ZY6" s="19"/>
      <c r="ZZ6" s="19"/>
      <c r="AAA6" s="19"/>
      <c r="AAB6" s="19"/>
      <c r="AAC6" s="19"/>
      <c r="AAD6" s="19"/>
      <c r="AAE6" s="19"/>
      <c r="AAF6" s="19"/>
      <c r="AAG6" s="19"/>
      <c r="AAH6" s="19"/>
      <c r="AAI6" s="19"/>
      <c r="AAJ6" s="19"/>
      <c r="AAK6" s="19"/>
      <c r="AAL6" s="19"/>
      <c r="AAM6" s="19"/>
      <c r="AAN6" s="19"/>
      <c r="AAO6" s="19"/>
      <c r="AAP6" s="19"/>
      <c r="AAQ6" s="19"/>
      <c r="AAR6" s="19"/>
      <c r="AAS6" s="19"/>
      <c r="AAT6" s="19"/>
      <c r="AAU6" s="19"/>
      <c r="AAV6" s="19"/>
      <c r="AAW6" s="19"/>
      <c r="AAX6" s="19"/>
      <c r="AAY6" s="19"/>
      <c r="AAZ6" s="19"/>
      <c r="ABA6" s="19"/>
      <c r="ABB6" s="19"/>
      <c r="ABC6" s="19"/>
      <c r="ABD6" s="19"/>
      <c r="ABE6" s="19"/>
      <c r="ABF6" s="19"/>
      <c r="ABG6" s="19"/>
      <c r="ABH6" s="19"/>
      <c r="ABI6" s="19"/>
      <c r="ABJ6" s="19"/>
      <c r="ABK6" s="19"/>
      <c r="ABL6" s="19"/>
      <c r="ABM6" s="19"/>
      <c r="ABN6" s="19"/>
      <c r="ABO6" s="19"/>
      <c r="ABP6" s="19"/>
      <c r="ABQ6" s="19"/>
      <c r="ABR6" s="19"/>
      <c r="ABS6" s="19"/>
      <c r="ABT6" s="19"/>
      <c r="ABU6" s="19"/>
      <c r="ABV6" s="19"/>
      <c r="ABW6" s="19"/>
      <c r="ABX6" s="19"/>
      <c r="ABY6" s="19"/>
      <c r="ABZ6" s="19"/>
      <c r="ACA6" s="19"/>
      <c r="ACB6" s="19"/>
      <c r="ACC6" s="19"/>
      <c r="ACD6" s="19"/>
      <c r="ACE6" s="19"/>
      <c r="ACF6" s="19"/>
      <c r="ACG6" s="19"/>
      <c r="ACH6" s="19"/>
      <c r="ACI6" s="19"/>
      <c r="ACJ6" s="19"/>
      <c r="ACK6" s="19"/>
      <c r="ACL6" s="19"/>
      <c r="ACM6" s="19"/>
      <c r="ACN6" s="19"/>
      <c r="ACO6" s="19"/>
      <c r="ACP6" s="19"/>
      <c r="ACQ6" s="19"/>
      <c r="ACR6" s="19"/>
      <c r="ACS6" s="19"/>
      <c r="ACT6" s="19"/>
      <c r="ACU6" s="19"/>
      <c r="ACV6" s="19"/>
      <c r="ACW6" s="19"/>
      <c r="ACX6" s="19"/>
      <c r="ACY6" s="19"/>
      <c r="ACZ6" s="19"/>
      <c r="ADA6" s="19"/>
      <c r="ADB6" s="19"/>
      <c r="ADC6" s="19"/>
      <c r="ADD6" s="19"/>
      <c r="ADE6" s="19"/>
      <c r="ADF6" s="19"/>
      <c r="ADG6" s="19"/>
      <c r="ADH6" s="19"/>
      <c r="ADI6" s="19"/>
      <c r="ADJ6" s="19"/>
      <c r="ADK6" s="19"/>
      <c r="ADL6" s="19"/>
      <c r="ADM6" s="19"/>
      <c r="ADN6" s="19"/>
      <c r="ADO6" s="19"/>
      <c r="ADP6" s="19"/>
      <c r="ADQ6" s="19"/>
      <c r="ADR6" s="19"/>
      <c r="ADS6" s="19"/>
      <c r="ADT6" s="19"/>
      <c r="ADU6" s="19"/>
      <c r="ADV6" s="19"/>
      <c r="ADW6" s="19"/>
      <c r="ADX6" s="19"/>
      <c r="ADY6" s="19"/>
      <c r="ADZ6" s="19"/>
      <c r="AEA6" s="19"/>
      <c r="AEB6" s="19"/>
      <c r="AEC6" s="19"/>
      <c r="AED6" s="19"/>
      <c r="AEE6" s="19"/>
      <c r="AEF6" s="19"/>
      <c r="AEG6" s="19"/>
      <c r="AEH6" s="19"/>
      <c r="AEI6" s="19"/>
      <c r="AEJ6" s="19"/>
      <c r="AEK6" s="19"/>
      <c r="AEL6" s="19"/>
      <c r="AEM6" s="19"/>
      <c r="AEN6" s="19"/>
      <c r="AEO6" s="19"/>
      <c r="AEP6" s="19"/>
      <c r="AEQ6" s="19"/>
      <c r="AER6" s="19"/>
      <c r="AES6" s="19"/>
      <c r="AET6" s="19"/>
      <c r="AEU6" s="19"/>
      <c r="AEV6" s="19"/>
      <c r="AEW6" s="19"/>
      <c r="AEX6" s="19"/>
      <c r="AEY6" s="19"/>
      <c r="AEZ6" s="19"/>
      <c r="AFA6" s="19"/>
      <c r="AFB6" s="19"/>
      <c r="AFC6" s="19"/>
      <c r="AFD6" s="19"/>
      <c r="AFE6" s="19"/>
      <c r="AFF6" s="19"/>
      <c r="AFG6" s="19"/>
      <c r="AFH6" s="19"/>
      <c r="AFI6" s="19"/>
      <c r="AFJ6" s="19"/>
      <c r="AFK6" s="19"/>
      <c r="AFL6" s="19"/>
      <c r="AFM6" s="19"/>
      <c r="AFN6" s="19"/>
      <c r="AFO6" s="19"/>
      <c r="AFP6" s="19"/>
      <c r="AFQ6" s="19"/>
      <c r="AFR6" s="19"/>
      <c r="AFS6" s="19"/>
      <c r="AFT6" s="19"/>
      <c r="AFU6" s="19"/>
      <c r="AFV6" s="19"/>
      <c r="AFW6" s="19"/>
      <c r="AFX6" s="19"/>
      <c r="AFY6" s="19"/>
      <c r="AFZ6" s="19"/>
      <c r="AGA6" s="19"/>
      <c r="AGB6" s="19"/>
      <c r="AGC6" s="19"/>
      <c r="AGD6" s="19"/>
      <c r="AGE6" s="19"/>
      <c r="AGF6" s="19"/>
      <c r="AGG6" s="19"/>
      <c r="AGH6" s="19"/>
      <c r="AGI6" s="19"/>
      <c r="AGJ6" s="19"/>
      <c r="AGK6" s="19"/>
      <c r="AGL6" s="19"/>
      <c r="AGM6" s="19"/>
      <c r="AGN6" s="19"/>
      <c r="AGO6" s="19"/>
      <c r="AGP6" s="19"/>
      <c r="AGQ6" s="19"/>
      <c r="AGR6" s="19"/>
      <c r="AGS6" s="19"/>
      <c r="AGT6" s="19"/>
      <c r="AGU6" s="19"/>
      <c r="AGV6" s="19"/>
      <c r="AGW6" s="19"/>
      <c r="AGX6" s="19"/>
      <c r="AGY6" s="19"/>
      <c r="AGZ6" s="19"/>
      <c r="AHA6" s="19"/>
      <c r="AHB6" s="19"/>
      <c r="AHC6" s="19"/>
      <c r="AHD6" s="19"/>
      <c r="AHE6" s="19"/>
      <c r="AHF6" s="19"/>
      <c r="AHG6" s="19"/>
      <c r="AHH6" s="19"/>
      <c r="AHI6" s="19"/>
      <c r="AHJ6" s="19"/>
      <c r="AHK6" s="19"/>
      <c r="AHL6" s="19"/>
      <c r="AHM6" s="19"/>
      <c r="AHN6" s="19"/>
      <c r="AHO6" s="19"/>
      <c r="AHP6" s="19"/>
      <c r="AHQ6" s="19"/>
      <c r="AHR6" s="19"/>
      <c r="AHS6" s="19"/>
      <c r="AHT6" s="19"/>
      <c r="AHU6" s="19"/>
      <c r="AHV6" s="19"/>
      <c r="AHW6" s="19"/>
      <c r="AHX6" s="19"/>
      <c r="AHY6" s="19"/>
      <c r="AHZ6" s="19"/>
      <c r="AIA6" s="19"/>
      <c r="AIB6" s="19"/>
      <c r="AIC6" s="19"/>
      <c r="AID6" s="19"/>
      <c r="AIE6" s="19"/>
      <c r="AIF6" s="19"/>
      <c r="AIG6" s="19"/>
      <c r="AIH6" s="19"/>
      <c r="AII6" s="19"/>
      <c r="AIJ6" s="19"/>
      <c r="AIK6" s="19"/>
      <c r="AIL6" s="19"/>
      <c r="AIM6" s="19"/>
      <c r="AIN6" s="19"/>
      <c r="AIO6" s="19"/>
      <c r="AIP6" s="19"/>
      <c r="AIQ6" s="19"/>
      <c r="AIR6" s="19"/>
      <c r="AIS6" s="19"/>
      <c r="AIT6" s="19"/>
      <c r="AIU6" s="19"/>
      <c r="AIV6" s="19"/>
      <c r="AIW6" s="19"/>
      <c r="AIX6" s="19"/>
      <c r="AIY6" s="19"/>
      <c r="AIZ6" s="19"/>
      <c r="AJA6" s="19"/>
      <c r="AJB6" s="19"/>
      <c r="AJC6" s="19"/>
      <c r="AJD6" s="19"/>
      <c r="AJE6" s="19"/>
      <c r="AJF6" s="19"/>
      <c r="AJG6" s="19"/>
      <c r="AJH6" s="19"/>
      <c r="AJI6" s="19"/>
      <c r="AJJ6" s="19"/>
      <c r="AJK6" s="19"/>
      <c r="AJL6" s="19"/>
      <c r="AJM6" s="19"/>
      <c r="AJN6" s="19"/>
      <c r="AJO6" s="19"/>
      <c r="AJP6" s="19"/>
      <c r="AJQ6" s="19"/>
      <c r="AJR6" s="19"/>
      <c r="AJS6" s="19"/>
      <c r="AJT6" s="19"/>
      <c r="AJU6" s="19"/>
      <c r="AJV6" s="19"/>
      <c r="AJW6" s="19"/>
      <c r="AJX6" s="19"/>
      <c r="AJY6" s="19"/>
      <c r="AJZ6" s="19"/>
      <c r="AKA6" s="19"/>
      <c r="AKB6" s="19"/>
      <c r="AKC6" s="19"/>
      <c r="AKD6" s="19"/>
      <c r="AKE6" s="19"/>
      <c r="AKF6" s="19"/>
      <c r="AKG6" s="19"/>
      <c r="AKH6" s="19"/>
      <c r="AKI6" s="19"/>
      <c r="AKJ6" s="19"/>
      <c r="AKK6" s="19"/>
      <c r="AKL6" s="19"/>
      <c r="AKM6" s="19"/>
      <c r="AKN6" s="19"/>
      <c r="AKO6" s="19"/>
      <c r="AKP6" s="19"/>
      <c r="AKQ6" s="19"/>
      <c r="AKR6" s="19"/>
      <c r="AKS6" s="19"/>
      <c r="AKT6" s="19"/>
      <c r="AKU6" s="19"/>
      <c r="AKV6" s="19"/>
      <c r="AKW6" s="19"/>
      <c r="AKX6" s="19"/>
      <c r="AKY6" s="19"/>
      <c r="AKZ6" s="19"/>
      <c r="ALA6" s="19"/>
      <c r="ALB6" s="19"/>
      <c r="ALC6" s="19"/>
      <c r="ALD6" s="19"/>
      <c r="ALE6" s="19"/>
      <c r="ALF6" s="19"/>
      <c r="ALG6" s="19"/>
      <c r="ALH6" s="19"/>
      <c r="ALI6" s="19"/>
      <c r="ALJ6" s="19"/>
      <c r="ALK6" s="19"/>
      <c r="ALL6" s="19"/>
      <c r="ALM6" s="19"/>
      <c r="ALN6" s="19"/>
      <c r="ALO6" s="19"/>
      <c r="ALP6" s="19"/>
      <c r="ALQ6" s="19"/>
      <c r="ALR6" s="19"/>
      <c r="ALS6" s="19"/>
      <c r="ALT6" s="19"/>
      <c r="ALU6" s="19"/>
      <c r="ALV6" s="19"/>
      <c r="ALW6" s="19"/>
      <c r="ALX6" s="19"/>
      <c r="ALY6" s="19"/>
      <c r="ALZ6" s="19"/>
      <c r="AMA6" s="19"/>
      <c r="AMB6" s="19"/>
      <c r="AMC6" s="19"/>
      <c r="AMD6" s="19"/>
      <c r="AME6" s="19"/>
      <c r="AMF6" s="19"/>
      <c r="AMG6" s="19"/>
      <c r="AMH6" s="19"/>
      <c r="AMI6" s="19"/>
      <c r="AMJ6" s="19"/>
      <c r="AMK6" s="19"/>
      <c r="AML6" s="19"/>
      <c r="AMM6" s="19"/>
      <c r="AMN6" s="19"/>
      <c r="AMO6" s="19"/>
      <c r="AMP6" s="19"/>
      <c r="AMQ6" s="19"/>
      <c r="AMR6" s="19"/>
      <c r="AMS6" s="19"/>
      <c r="AMT6" s="19"/>
      <c r="AMU6" s="19"/>
      <c r="AMV6" s="19"/>
      <c r="AMW6" s="19"/>
      <c r="AMX6" s="19"/>
      <c r="AMY6" s="19"/>
      <c r="AMZ6" s="19"/>
      <c r="ANA6" s="19"/>
      <c r="ANB6" s="19"/>
      <c r="ANC6" s="19"/>
      <c r="AND6" s="19"/>
      <c r="ANE6" s="19"/>
      <c r="ANF6" s="19"/>
      <c r="ANG6" s="19"/>
      <c r="ANH6" s="19"/>
      <c r="ANI6" s="19"/>
      <c r="ANJ6" s="19"/>
      <c r="ANK6" s="19"/>
      <c r="ANL6" s="19"/>
      <c r="ANM6" s="19"/>
      <c r="ANN6" s="19"/>
      <c r="ANO6" s="19"/>
      <c r="ANP6" s="19"/>
      <c r="ANQ6" s="19"/>
      <c r="ANR6" s="19"/>
      <c r="ANS6" s="19"/>
      <c r="ANT6" s="19"/>
      <c r="ANU6" s="19"/>
      <c r="ANV6" s="19"/>
      <c r="ANW6" s="19"/>
      <c r="ANX6" s="19"/>
      <c r="ANY6" s="19"/>
      <c r="ANZ6" s="19"/>
      <c r="AOA6" s="19"/>
      <c r="AOB6" s="19"/>
      <c r="AOC6" s="19"/>
      <c r="AOD6" s="19"/>
      <c r="AOE6" s="19"/>
      <c r="AOF6" s="19"/>
      <c r="AOG6" s="19"/>
      <c r="AOH6" s="19"/>
      <c r="AOI6" s="19"/>
      <c r="AOJ6" s="19"/>
      <c r="AOK6" s="19"/>
      <c r="AOL6" s="19"/>
      <c r="AOM6" s="19"/>
      <c r="AON6" s="19"/>
      <c r="AOO6" s="19"/>
      <c r="AOP6" s="19"/>
      <c r="AOQ6" s="19"/>
      <c r="AOR6" s="19"/>
      <c r="AOS6" s="19"/>
      <c r="AOT6" s="19"/>
      <c r="AOU6" s="19"/>
      <c r="AOV6" s="19"/>
      <c r="AOW6" s="19"/>
      <c r="AOX6" s="19"/>
      <c r="AOY6" s="19"/>
      <c r="AOZ6" s="19"/>
      <c r="APA6" s="19"/>
      <c r="APB6" s="19"/>
      <c r="APC6" s="19"/>
      <c r="APD6" s="19"/>
      <c r="APE6" s="19"/>
      <c r="APF6" s="19"/>
      <c r="APG6" s="19"/>
      <c r="APH6" s="19"/>
      <c r="API6" s="19"/>
      <c r="APJ6" s="19"/>
      <c r="APK6" s="19"/>
      <c r="APL6" s="19"/>
      <c r="APM6" s="19"/>
      <c r="APN6" s="19"/>
      <c r="APO6" s="19"/>
      <c r="APP6" s="19"/>
      <c r="APQ6" s="19"/>
      <c r="APR6" s="19"/>
      <c r="APS6" s="19"/>
      <c r="APT6" s="19"/>
      <c r="APU6" s="19"/>
      <c r="APV6" s="19"/>
      <c r="APW6" s="19"/>
      <c r="APX6" s="19"/>
      <c r="APY6" s="19"/>
      <c r="APZ6" s="19"/>
      <c r="AQA6" s="19"/>
      <c r="AQB6" s="19"/>
      <c r="AQC6" s="19"/>
      <c r="AQD6" s="19"/>
      <c r="AQE6" s="19"/>
      <c r="AQF6" s="19"/>
      <c r="AQG6" s="19"/>
      <c r="AQH6" s="19"/>
      <c r="AQI6" s="19"/>
      <c r="AQJ6" s="19"/>
      <c r="AQK6" s="19"/>
      <c r="AQL6" s="19"/>
      <c r="AQM6" s="19"/>
      <c r="AQN6" s="19"/>
      <c r="AQO6" s="19"/>
      <c r="AQP6" s="19"/>
      <c r="AQQ6" s="19"/>
      <c r="AQR6" s="19"/>
      <c r="AQS6" s="19"/>
      <c r="AQT6" s="19"/>
      <c r="AQU6" s="19"/>
      <c r="AQV6" s="19"/>
      <c r="AQW6" s="19"/>
      <c r="AQX6" s="19"/>
      <c r="AQY6" s="19"/>
      <c r="AQZ6" s="19"/>
      <c r="ARA6" s="19"/>
      <c r="ARB6" s="19"/>
      <c r="ARC6" s="19"/>
      <c r="ARD6" s="19"/>
      <c r="ARE6" s="19"/>
      <c r="ARF6" s="19"/>
      <c r="ARG6" s="19"/>
      <c r="ARH6" s="19"/>
      <c r="ARI6" s="19"/>
      <c r="ARJ6" s="19"/>
      <c r="ARK6" s="19"/>
      <c r="ARL6" s="19"/>
      <c r="ARM6" s="19"/>
      <c r="ARN6" s="19"/>
      <c r="ARO6" s="19"/>
      <c r="ARP6" s="19"/>
      <c r="ARQ6" s="19"/>
      <c r="ARR6" s="19"/>
      <c r="ARS6" s="19"/>
      <c r="ART6" s="19"/>
      <c r="ARU6" s="19"/>
      <c r="ARV6" s="19"/>
      <c r="ARW6" s="19"/>
      <c r="ARX6" s="19"/>
      <c r="ARY6" s="19"/>
      <c r="ARZ6" s="19"/>
      <c r="ASA6" s="19"/>
      <c r="ASB6" s="19"/>
      <c r="ASC6" s="19"/>
      <c r="ASD6" s="19"/>
      <c r="ASE6" s="19"/>
      <c r="ASF6" s="19"/>
      <c r="ASG6" s="19"/>
      <c r="ASH6" s="19"/>
      <c r="ASI6" s="19"/>
      <c r="ASJ6" s="19"/>
      <c r="ASK6" s="19"/>
      <c r="ASL6" s="19"/>
      <c r="ASM6" s="19"/>
      <c r="ASN6" s="19"/>
      <c r="ASO6" s="19"/>
      <c r="ASP6" s="19"/>
      <c r="ASQ6" s="19"/>
      <c r="ASR6" s="19"/>
      <c r="ASS6" s="19"/>
      <c r="AST6" s="19"/>
      <c r="ASU6" s="19"/>
      <c r="ASV6" s="19"/>
      <c r="ASW6" s="19"/>
      <c r="ASX6" s="19"/>
      <c r="ASY6" s="19"/>
      <c r="ASZ6" s="19"/>
      <c r="ATA6" s="19"/>
      <c r="ATB6" s="19"/>
      <c r="ATC6" s="19"/>
      <c r="ATD6" s="19"/>
      <c r="ATE6" s="19"/>
      <c r="ATF6" s="19"/>
      <c r="ATG6" s="19"/>
      <c r="ATH6" s="19"/>
      <c r="ATI6" s="19"/>
      <c r="ATJ6" s="19"/>
      <c r="ATK6" s="19"/>
      <c r="ATL6" s="19"/>
      <c r="ATM6" s="19"/>
      <c r="ATN6" s="19"/>
      <c r="ATO6" s="19"/>
      <c r="ATP6" s="19"/>
      <c r="ATQ6" s="19"/>
      <c r="ATR6" s="19"/>
      <c r="ATS6" s="19"/>
      <c r="ATT6" s="19"/>
      <c r="ATU6" s="19"/>
      <c r="ATV6" s="19"/>
      <c r="ATW6" s="19"/>
      <c r="ATX6" s="19"/>
      <c r="ATY6" s="19"/>
      <c r="ATZ6" s="19"/>
      <c r="AUA6" s="19"/>
      <c r="AUB6" s="19"/>
      <c r="AUC6" s="19"/>
      <c r="AUD6" s="19"/>
      <c r="AUE6" s="19"/>
      <c r="AUF6" s="19"/>
      <c r="AUG6" s="19"/>
      <c r="AUH6" s="19"/>
      <c r="AUI6" s="19"/>
      <c r="AUJ6" s="19"/>
      <c r="AUK6" s="19"/>
      <c r="AUL6" s="19"/>
      <c r="AUM6" s="19"/>
      <c r="AUN6" s="19"/>
      <c r="AUO6" s="19"/>
      <c r="AUP6" s="19"/>
      <c r="AUQ6" s="19"/>
      <c r="AUR6" s="19"/>
      <c r="AUS6" s="19"/>
      <c r="AUT6" s="19"/>
      <c r="AUU6" s="19"/>
      <c r="AUV6" s="19"/>
      <c r="AUW6" s="19"/>
      <c r="AUX6" s="19"/>
      <c r="AUY6" s="19"/>
      <c r="AUZ6" s="19"/>
      <c r="AVA6" s="19"/>
      <c r="AVB6" s="19"/>
      <c r="AVC6" s="19"/>
      <c r="AVD6" s="19"/>
      <c r="AVE6" s="19"/>
      <c r="AVF6" s="19"/>
      <c r="AVG6" s="19"/>
      <c r="AVH6" s="19"/>
      <c r="AVI6" s="19"/>
      <c r="AVJ6" s="19"/>
      <c r="AVK6" s="19"/>
      <c r="AVL6" s="19"/>
      <c r="AVM6" s="19"/>
      <c r="AVN6" s="19"/>
      <c r="AVO6" s="19"/>
      <c r="AVP6" s="19"/>
      <c r="AVQ6" s="19"/>
      <c r="AVR6" s="19"/>
      <c r="AVS6" s="19"/>
      <c r="AVT6" s="19"/>
      <c r="AVU6" s="19"/>
      <c r="AVV6" s="19"/>
      <c r="AVW6" s="19"/>
      <c r="AVX6" s="19"/>
      <c r="AVY6" s="19"/>
      <c r="AVZ6" s="19"/>
      <c r="AWA6" s="19"/>
      <c r="AWB6" s="19"/>
      <c r="AWC6" s="19"/>
      <c r="AWD6" s="19"/>
      <c r="AWE6" s="19"/>
      <c r="AWF6" s="19"/>
      <c r="AWG6" s="19"/>
      <c r="AWH6" s="19"/>
      <c r="AWI6" s="19"/>
      <c r="AWJ6" s="19"/>
      <c r="AWK6" s="19"/>
      <c r="AWL6" s="19"/>
      <c r="AWM6" s="19"/>
      <c r="AWN6" s="19"/>
      <c r="AWO6" s="19"/>
      <c r="AWP6" s="19"/>
      <c r="AWQ6" s="19"/>
      <c r="AWR6" s="19"/>
      <c r="AWS6" s="19"/>
      <c r="AWT6" s="19"/>
      <c r="AWU6" s="19"/>
      <c r="AWV6" s="19"/>
      <c r="AWW6" s="19"/>
      <c r="AWX6" s="19"/>
      <c r="AWY6" s="19"/>
      <c r="AWZ6" s="19"/>
      <c r="AXA6" s="19"/>
      <c r="AXB6" s="19"/>
      <c r="AXC6" s="19"/>
      <c r="AXD6" s="19"/>
      <c r="AXE6" s="19"/>
      <c r="AXF6" s="19"/>
      <c r="AXG6" s="19"/>
      <c r="AXH6" s="19"/>
      <c r="AXI6" s="19"/>
      <c r="AXJ6" s="19"/>
      <c r="AXK6" s="19"/>
      <c r="AXL6" s="19"/>
      <c r="AXM6" s="19"/>
      <c r="AXN6" s="19"/>
      <c r="AXO6" s="19"/>
      <c r="AXP6" s="19"/>
      <c r="AXQ6" s="19"/>
      <c r="AXR6" s="19"/>
      <c r="AXS6" s="19"/>
      <c r="AXT6" s="19"/>
      <c r="AXU6" s="19"/>
      <c r="AXV6" s="19"/>
      <c r="AXW6" s="19"/>
      <c r="AXX6" s="19"/>
      <c r="AXY6" s="19"/>
      <c r="AXZ6" s="19"/>
      <c r="AYA6" s="19"/>
      <c r="AYB6" s="19"/>
      <c r="AYC6" s="19"/>
      <c r="AYD6" s="19"/>
      <c r="AYE6" s="19"/>
      <c r="AYF6" s="19"/>
      <c r="AYG6" s="19"/>
      <c r="AYH6" s="19"/>
      <c r="AYI6" s="19"/>
      <c r="AYJ6" s="19"/>
      <c r="AYK6" s="19"/>
      <c r="AYL6" s="19"/>
      <c r="AYM6" s="19"/>
      <c r="AYN6" s="19"/>
      <c r="AYO6" s="19"/>
      <c r="AYP6" s="19"/>
      <c r="AYQ6" s="19"/>
      <c r="AYR6" s="19"/>
      <c r="AYS6" s="19"/>
      <c r="AYT6" s="19"/>
      <c r="AYU6" s="19"/>
      <c r="AYV6" s="19"/>
      <c r="AYW6" s="19"/>
      <c r="AYX6" s="19"/>
      <c r="AYY6" s="19"/>
      <c r="AYZ6" s="19"/>
      <c r="AZA6" s="19"/>
      <c r="AZB6" s="19"/>
      <c r="AZC6" s="19"/>
      <c r="AZD6" s="19"/>
      <c r="AZE6" s="19"/>
      <c r="AZF6" s="19"/>
      <c r="AZG6" s="19"/>
      <c r="AZH6" s="19"/>
      <c r="AZI6" s="19"/>
      <c r="AZJ6" s="19"/>
      <c r="AZK6" s="19"/>
      <c r="AZL6" s="19"/>
      <c r="AZM6" s="19"/>
      <c r="AZN6" s="19"/>
      <c r="AZO6" s="19"/>
      <c r="AZP6" s="19"/>
      <c r="AZQ6" s="19"/>
      <c r="AZR6" s="19"/>
      <c r="AZS6" s="19"/>
      <c r="AZT6" s="19"/>
      <c r="AZU6" s="19"/>
      <c r="AZV6" s="19"/>
      <c r="AZW6" s="19"/>
      <c r="AZX6" s="19"/>
      <c r="AZY6" s="19"/>
      <c r="AZZ6" s="19"/>
      <c r="BAA6" s="19"/>
      <c r="BAB6" s="19"/>
      <c r="BAC6" s="19"/>
      <c r="BAD6" s="19"/>
      <c r="BAE6" s="19"/>
      <c r="BAF6" s="19"/>
      <c r="BAG6" s="19"/>
      <c r="BAH6" s="19"/>
      <c r="BAI6" s="19"/>
      <c r="BAJ6" s="19"/>
      <c r="BAK6" s="19"/>
      <c r="BAL6" s="19"/>
      <c r="BAM6" s="19"/>
      <c r="BAN6" s="19"/>
      <c r="BAO6" s="19"/>
      <c r="BAP6" s="19"/>
      <c r="BAQ6" s="19"/>
      <c r="BAR6" s="19"/>
      <c r="BAS6" s="19"/>
      <c r="BAT6" s="19"/>
      <c r="BAU6" s="19"/>
      <c r="BAV6" s="19"/>
      <c r="BAW6" s="19"/>
      <c r="BAX6" s="19"/>
      <c r="BAY6" s="19"/>
      <c r="BAZ6" s="19"/>
      <c r="BBA6" s="19"/>
      <c r="BBB6" s="19"/>
      <c r="BBC6" s="19"/>
      <c r="BBD6" s="19"/>
      <c r="BBE6" s="19"/>
      <c r="BBF6" s="19"/>
      <c r="BBG6" s="19"/>
      <c r="BBH6" s="19"/>
      <c r="BBI6" s="19"/>
      <c r="BBJ6" s="19"/>
      <c r="BBK6" s="19"/>
      <c r="BBL6" s="19"/>
      <c r="BBM6" s="19"/>
      <c r="BBN6" s="19"/>
    </row>
    <row r="7" spans="1:1418" s="20" customFormat="1" ht="18" customHeight="1" x14ac:dyDescent="0.2">
      <c r="A7" s="91" t="s">
        <v>13</v>
      </c>
      <c r="B7" s="1"/>
      <c r="C7" s="159" t="s">
        <v>22</v>
      </c>
      <c r="D7" s="160"/>
      <c r="E7" s="161"/>
      <c r="F7" s="1"/>
      <c r="G7" s="1"/>
      <c r="H7" s="1"/>
      <c r="I7" s="1"/>
      <c r="J7" s="92"/>
      <c r="K7" s="19"/>
      <c r="L7" s="19"/>
      <c r="M7" s="19"/>
      <c r="N7" s="19"/>
      <c r="O7" s="19"/>
      <c r="P7" s="19"/>
      <c r="Q7" s="19"/>
      <c r="R7" s="19"/>
      <c r="S7" s="19"/>
      <c r="T7" s="19"/>
      <c r="U7" s="19"/>
      <c r="V7" s="19"/>
      <c r="W7" s="19"/>
      <c r="X7" s="19"/>
      <c r="Y7" s="19"/>
      <c r="Z7" s="19"/>
      <c r="AA7" s="19"/>
      <c r="AB7" s="19"/>
      <c r="AC7" s="19"/>
      <c r="AD7" s="19"/>
      <c r="AE7" s="19"/>
      <c r="AF7" s="19"/>
      <c r="AG7" s="19"/>
      <c r="AH7" s="19"/>
      <c r="AI7" s="19"/>
      <c r="AJ7" s="19"/>
      <c r="AK7" s="19"/>
      <c r="AL7" s="19"/>
      <c r="AM7" s="19"/>
      <c r="AN7" s="19"/>
      <c r="AO7" s="19"/>
      <c r="AP7" s="19"/>
      <c r="AQ7" s="19"/>
      <c r="AR7" s="19"/>
      <c r="AS7" s="19"/>
      <c r="AT7" s="19"/>
      <c r="AU7" s="19"/>
      <c r="AV7" s="19"/>
      <c r="AW7" s="19"/>
      <c r="AX7" s="19"/>
      <c r="AY7" s="19"/>
      <c r="AZ7" s="19"/>
      <c r="BA7" s="19"/>
      <c r="BB7" s="19"/>
      <c r="BC7" s="19"/>
      <c r="BD7" s="19"/>
      <c r="BE7" s="19"/>
      <c r="BF7" s="19"/>
      <c r="BG7" s="19"/>
      <c r="BH7" s="19"/>
      <c r="BI7" s="19"/>
      <c r="BJ7" s="19"/>
      <c r="BK7" s="19"/>
      <c r="BL7" s="19"/>
      <c r="BM7" s="19"/>
      <c r="BN7" s="19"/>
      <c r="BO7" s="19"/>
      <c r="BP7" s="19"/>
      <c r="BQ7" s="19"/>
      <c r="BR7" s="19"/>
      <c r="BS7" s="19"/>
      <c r="BT7" s="19"/>
      <c r="BU7" s="19"/>
      <c r="BV7" s="19"/>
      <c r="BW7" s="19"/>
      <c r="BX7" s="19"/>
      <c r="BY7" s="19"/>
      <c r="BZ7" s="19"/>
      <c r="CA7" s="19"/>
      <c r="CB7" s="19"/>
      <c r="CC7" s="19"/>
      <c r="CD7" s="19"/>
      <c r="CE7" s="19"/>
      <c r="CF7" s="19"/>
      <c r="CG7" s="19"/>
      <c r="CH7" s="19"/>
      <c r="CI7" s="19"/>
      <c r="CJ7" s="19"/>
      <c r="CK7" s="19"/>
      <c r="CL7" s="19"/>
      <c r="CM7" s="19"/>
      <c r="CN7" s="19"/>
      <c r="CO7" s="19"/>
      <c r="CP7" s="19"/>
      <c r="CQ7" s="19"/>
      <c r="CR7" s="19"/>
      <c r="CS7" s="19"/>
      <c r="CT7" s="19"/>
      <c r="CU7" s="19"/>
      <c r="CV7" s="19"/>
      <c r="CW7" s="19"/>
      <c r="CX7" s="19"/>
      <c r="CY7" s="19"/>
      <c r="CZ7" s="19"/>
      <c r="DA7" s="19"/>
      <c r="DB7" s="19"/>
      <c r="DC7" s="19"/>
      <c r="DD7" s="19"/>
      <c r="DE7" s="19"/>
      <c r="DF7" s="19"/>
      <c r="DG7" s="19"/>
      <c r="DH7" s="19"/>
      <c r="DI7" s="19"/>
      <c r="DJ7" s="19"/>
      <c r="DK7" s="19"/>
      <c r="DL7" s="19"/>
      <c r="DM7" s="19"/>
      <c r="DN7" s="19"/>
      <c r="DO7" s="19"/>
      <c r="DP7" s="19"/>
      <c r="DQ7" s="19"/>
      <c r="DR7" s="19"/>
      <c r="DS7" s="19"/>
      <c r="DT7" s="19"/>
      <c r="DU7" s="19"/>
      <c r="DV7" s="19"/>
      <c r="DW7" s="19"/>
      <c r="DX7" s="19"/>
      <c r="DY7" s="19"/>
      <c r="DZ7" s="19"/>
      <c r="EA7" s="19"/>
      <c r="EB7" s="19"/>
      <c r="EC7" s="19"/>
      <c r="ED7" s="19"/>
      <c r="EE7" s="19"/>
      <c r="EF7" s="19"/>
      <c r="EG7" s="19"/>
      <c r="EH7" s="19"/>
      <c r="EI7" s="19"/>
      <c r="EJ7" s="19"/>
      <c r="EK7" s="19"/>
      <c r="EL7" s="19"/>
      <c r="EM7" s="19"/>
      <c r="EN7" s="19"/>
      <c r="EO7" s="19"/>
      <c r="EP7" s="19"/>
      <c r="EQ7" s="19"/>
      <c r="ER7" s="19"/>
      <c r="ES7" s="19"/>
      <c r="ET7" s="19"/>
      <c r="EU7" s="19"/>
      <c r="EV7" s="19"/>
      <c r="EW7" s="19"/>
      <c r="EX7" s="19"/>
      <c r="EY7" s="19"/>
      <c r="EZ7" s="19"/>
      <c r="FA7" s="19"/>
      <c r="FB7" s="19"/>
      <c r="FC7" s="19"/>
      <c r="FD7" s="19"/>
      <c r="FE7" s="19"/>
      <c r="FF7" s="19"/>
      <c r="FG7" s="19"/>
      <c r="FH7" s="19"/>
      <c r="FI7" s="19"/>
      <c r="FJ7" s="19"/>
      <c r="FK7" s="19"/>
      <c r="FL7" s="19"/>
      <c r="FM7" s="19"/>
      <c r="FN7" s="19"/>
      <c r="FO7" s="19"/>
      <c r="FP7" s="19"/>
      <c r="FQ7" s="19"/>
      <c r="FR7" s="19"/>
      <c r="FS7" s="19"/>
      <c r="FT7" s="19"/>
      <c r="FU7" s="19"/>
      <c r="FV7" s="19"/>
      <c r="FW7" s="19"/>
      <c r="FX7" s="19"/>
      <c r="FY7" s="19"/>
      <c r="FZ7" s="19"/>
      <c r="GA7" s="19"/>
      <c r="GB7" s="19"/>
      <c r="GC7" s="19"/>
      <c r="GD7" s="19"/>
      <c r="GE7" s="19"/>
      <c r="GF7" s="19"/>
      <c r="GG7" s="19"/>
      <c r="GH7" s="19"/>
      <c r="GI7" s="19"/>
      <c r="GJ7" s="19"/>
      <c r="GK7" s="19"/>
      <c r="GL7" s="19"/>
      <c r="GM7" s="19"/>
      <c r="GN7" s="19"/>
      <c r="GO7" s="19"/>
      <c r="GP7" s="19"/>
      <c r="GQ7" s="19"/>
      <c r="GR7" s="19"/>
      <c r="GS7" s="19"/>
      <c r="GT7" s="19"/>
      <c r="GU7" s="19"/>
      <c r="GV7" s="19"/>
      <c r="GW7" s="19"/>
      <c r="GX7" s="19"/>
      <c r="GY7" s="19"/>
      <c r="GZ7" s="19"/>
      <c r="HA7" s="19"/>
      <c r="HB7" s="19"/>
      <c r="HC7" s="19"/>
      <c r="HD7" s="19"/>
      <c r="HE7" s="19"/>
      <c r="HF7" s="19"/>
      <c r="HG7" s="19"/>
      <c r="HH7" s="19"/>
      <c r="HI7" s="19"/>
      <c r="HJ7" s="19"/>
      <c r="HK7" s="19"/>
      <c r="HL7" s="19"/>
      <c r="HM7" s="19"/>
      <c r="HN7" s="19"/>
      <c r="HO7" s="19"/>
      <c r="HP7" s="19"/>
      <c r="HQ7" s="19"/>
      <c r="HR7" s="19"/>
      <c r="HS7" s="19"/>
      <c r="HT7" s="19"/>
      <c r="HU7" s="19"/>
      <c r="HV7" s="19"/>
      <c r="HW7" s="19"/>
      <c r="HX7" s="19"/>
      <c r="HY7" s="19"/>
      <c r="HZ7" s="19"/>
      <c r="IA7" s="19"/>
      <c r="IB7" s="19"/>
      <c r="IC7" s="19"/>
      <c r="ID7" s="19"/>
      <c r="IE7" s="19"/>
      <c r="IF7" s="19"/>
      <c r="IG7" s="19"/>
      <c r="IH7" s="19"/>
      <c r="II7" s="19"/>
      <c r="IJ7" s="19"/>
      <c r="IK7" s="19"/>
      <c r="IL7" s="19"/>
      <c r="IM7" s="19"/>
      <c r="IN7" s="19"/>
      <c r="IO7" s="19"/>
      <c r="IP7" s="19"/>
      <c r="IQ7" s="19"/>
      <c r="IR7" s="19"/>
      <c r="IS7" s="19"/>
      <c r="IT7" s="19"/>
      <c r="IU7" s="19"/>
      <c r="IV7" s="19"/>
      <c r="IW7" s="19"/>
      <c r="IX7" s="19"/>
      <c r="IY7" s="19"/>
      <c r="IZ7" s="19"/>
      <c r="JA7" s="19"/>
      <c r="JB7" s="19"/>
      <c r="JC7" s="19"/>
      <c r="JD7" s="19"/>
      <c r="JE7" s="19"/>
      <c r="JF7" s="19"/>
      <c r="JG7" s="19"/>
      <c r="JH7" s="19"/>
      <c r="JI7" s="19"/>
      <c r="JJ7" s="19"/>
      <c r="JK7" s="19"/>
      <c r="JL7" s="19"/>
      <c r="JM7" s="19"/>
      <c r="JN7" s="19"/>
      <c r="JO7" s="19"/>
      <c r="JP7" s="19"/>
      <c r="JQ7" s="19"/>
      <c r="JR7" s="19"/>
      <c r="JS7" s="19"/>
      <c r="JT7" s="19"/>
      <c r="JU7" s="19"/>
      <c r="JV7" s="19"/>
      <c r="JW7" s="19"/>
      <c r="JX7" s="19"/>
      <c r="JY7" s="19"/>
      <c r="JZ7" s="19"/>
      <c r="KA7" s="19"/>
      <c r="KB7" s="19"/>
      <c r="KC7" s="19"/>
      <c r="KD7" s="19"/>
      <c r="KE7" s="19"/>
      <c r="KF7" s="19"/>
      <c r="KG7" s="19"/>
      <c r="KH7" s="19"/>
      <c r="KI7" s="19"/>
      <c r="KJ7" s="19"/>
      <c r="KK7" s="19"/>
      <c r="KL7" s="19"/>
      <c r="KM7" s="19"/>
      <c r="KN7" s="19"/>
      <c r="KO7" s="19"/>
      <c r="KP7" s="19"/>
      <c r="KQ7" s="19"/>
      <c r="KR7" s="19"/>
      <c r="KS7" s="19"/>
      <c r="KT7" s="19"/>
      <c r="KU7" s="19"/>
      <c r="KV7" s="19"/>
      <c r="KW7" s="19"/>
      <c r="KX7" s="19"/>
      <c r="KY7" s="19"/>
      <c r="KZ7" s="19"/>
      <c r="LA7" s="19"/>
      <c r="LB7" s="19"/>
      <c r="LC7" s="19"/>
      <c r="LD7" s="19"/>
      <c r="LE7" s="19"/>
      <c r="LF7" s="19"/>
      <c r="LG7" s="19"/>
      <c r="LH7" s="19"/>
      <c r="LI7" s="19"/>
      <c r="LJ7" s="19"/>
      <c r="LK7" s="19"/>
      <c r="LL7" s="19"/>
      <c r="LM7" s="19"/>
      <c r="LN7" s="19"/>
      <c r="LO7" s="19"/>
      <c r="LP7" s="19"/>
      <c r="LQ7" s="19"/>
      <c r="LR7" s="19"/>
      <c r="LS7" s="19"/>
      <c r="LT7" s="19"/>
      <c r="LU7" s="19"/>
      <c r="LV7" s="19"/>
      <c r="LW7" s="19"/>
      <c r="LX7" s="19"/>
      <c r="LY7" s="19"/>
      <c r="LZ7" s="19"/>
      <c r="MA7" s="19"/>
      <c r="MB7" s="19"/>
      <c r="MC7" s="19"/>
      <c r="MD7" s="19"/>
      <c r="ME7" s="19"/>
      <c r="MF7" s="19"/>
      <c r="MG7" s="19"/>
      <c r="MH7" s="19"/>
      <c r="MI7" s="19"/>
      <c r="MJ7" s="19"/>
      <c r="MK7" s="19"/>
      <c r="ML7" s="19"/>
      <c r="MM7" s="19"/>
      <c r="MN7" s="19"/>
      <c r="MO7" s="19"/>
      <c r="MP7" s="19"/>
      <c r="MQ7" s="19"/>
      <c r="MR7" s="19"/>
      <c r="MS7" s="19"/>
      <c r="MT7" s="19"/>
      <c r="MU7" s="19"/>
      <c r="MV7" s="19"/>
      <c r="MW7" s="19"/>
      <c r="MX7" s="19"/>
      <c r="MY7" s="19"/>
      <c r="MZ7" s="19"/>
      <c r="NA7" s="19"/>
      <c r="NB7" s="19"/>
      <c r="NC7" s="19"/>
      <c r="ND7" s="19"/>
      <c r="NE7" s="19"/>
      <c r="NF7" s="19"/>
      <c r="NG7" s="19"/>
      <c r="NH7" s="19"/>
      <c r="NI7" s="19"/>
      <c r="NJ7" s="19"/>
      <c r="NK7" s="19"/>
      <c r="NL7" s="19"/>
      <c r="NM7" s="19"/>
      <c r="NN7" s="19"/>
      <c r="NO7" s="19"/>
      <c r="NP7" s="19"/>
      <c r="NQ7" s="19"/>
      <c r="NR7" s="19"/>
      <c r="NS7" s="19"/>
      <c r="NT7" s="19"/>
      <c r="NU7" s="19"/>
      <c r="NV7" s="19"/>
      <c r="NW7" s="19"/>
      <c r="NX7" s="19"/>
      <c r="NY7" s="19"/>
      <c r="NZ7" s="19"/>
      <c r="OA7" s="19"/>
      <c r="OB7" s="19"/>
      <c r="OC7" s="19"/>
      <c r="OD7" s="19"/>
      <c r="OE7" s="19"/>
      <c r="OF7" s="19"/>
      <c r="OG7" s="19"/>
      <c r="OH7" s="19"/>
      <c r="OI7" s="19"/>
      <c r="OJ7" s="19"/>
      <c r="OK7" s="19"/>
      <c r="OL7" s="19"/>
      <c r="OM7" s="19"/>
      <c r="ON7" s="19"/>
      <c r="OO7" s="19"/>
      <c r="OP7" s="19"/>
      <c r="OQ7" s="19"/>
      <c r="OR7" s="19"/>
      <c r="OS7" s="19"/>
      <c r="OT7" s="19"/>
      <c r="OU7" s="19"/>
      <c r="OV7" s="19"/>
      <c r="OW7" s="19"/>
      <c r="OX7" s="19"/>
      <c r="OY7" s="19"/>
      <c r="OZ7" s="19"/>
      <c r="PA7" s="19"/>
      <c r="PB7" s="19"/>
      <c r="PC7" s="19"/>
      <c r="PD7" s="19"/>
      <c r="PE7" s="19"/>
      <c r="PF7" s="19"/>
      <c r="PG7" s="19"/>
      <c r="PH7" s="19"/>
      <c r="PI7" s="19"/>
      <c r="PJ7" s="19"/>
      <c r="PK7" s="19"/>
      <c r="PL7" s="19"/>
      <c r="PM7" s="19"/>
      <c r="PN7" s="19"/>
      <c r="PO7" s="19"/>
      <c r="PP7" s="19"/>
      <c r="PQ7" s="19"/>
      <c r="PR7" s="19"/>
      <c r="PS7" s="19"/>
      <c r="PT7" s="19"/>
      <c r="PU7" s="19"/>
      <c r="PV7" s="19"/>
      <c r="PW7" s="19"/>
      <c r="PX7" s="19"/>
      <c r="PY7" s="19"/>
      <c r="PZ7" s="19"/>
      <c r="QA7" s="19"/>
      <c r="QB7" s="19"/>
      <c r="QC7" s="19"/>
      <c r="QD7" s="19"/>
      <c r="QE7" s="19"/>
      <c r="QF7" s="19"/>
      <c r="QG7" s="19"/>
      <c r="QH7" s="19"/>
      <c r="QI7" s="19"/>
      <c r="QJ7" s="19"/>
      <c r="QK7" s="19"/>
      <c r="QL7" s="19"/>
      <c r="QM7" s="19"/>
      <c r="QN7" s="19"/>
      <c r="QO7" s="19"/>
      <c r="QP7" s="19"/>
      <c r="QQ7" s="19"/>
      <c r="QR7" s="19"/>
      <c r="QS7" s="19"/>
      <c r="QT7" s="19"/>
      <c r="QU7" s="19"/>
      <c r="QV7" s="19"/>
      <c r="QW7" s="19"/>
      <c r="QX7" s="19"/>
      <c r="QY7" s="19"/>
      <c r="QZ7" s="19"/>
      <c r="RA7" s="19"/>
      <c r="RB7" s="19"/>
      <c r="RC7" s="19"/>
      <c r="RD7" s="19"/>
      <c r="RE7" s="19"/>
      <c r="RF7" s="19"/>
      <c r="RG7" s="19"/>
      <c r="RH7" s="19"/>
      <c r="RI7" s="19"/>
      <c r="RJ7" s="19"/>
      <c r="RK7" s="19"/>
      <c r="RL7" s="19"/>
      <c r="RM7" s="19"/>
      <c r="RN7" s="19"/>
      <c r="RO7" s="19"/>
      <c r="RP7" s="19"/>
      <c r="RQ7" s="19"/>
      <c r="RR7" s="19"/>
      <c r="RS7" s="19"/>
      <c r="RT7" s="19"/>
      <c r="RU7" s="19"/>
      <c r="RV7" s="19"/>
      <c r="RW7" s="19"/>
      <c r="RX7" s="19"/>
      <c r="RY7" s="19"/>
      <c r="RZ7" s="19"/>
      <c r="SA7" s="19"/>
      <c r="SB7" s="19"/>
      <c r="SC7" s="19"/>
      <c r="SD7" s="19"/>
      <c r="SE7" s="19"/>
      <c r="SF7" s="19"/>
      <c r="SG7" s="19"/>
      <c r="SH7" s="19"/>
      <c r="SI7" s="19"/>
      <c r="SJ7" s="19"/>
      <c r="SK7" s="19"/>
      <c r="SL7" s="19"/>
      <c r="SM7" s="19"/>
      <c r="SN7" s="19"/>
      <c r="SO7" s="19"/>
      <c r="SP7" s="19"/>
      <c r="SQ7" s="19"/>
      <c r="SR7" s="19"/>
      <c r="SS7" s="19"/>
      <c r="ST7" s="19"/>
      <c r="SU7" s="19"/>
      <c r="SV7" s="19"/>
      <c r="SW7" s="19"/>
      <c r="SX7" s="19"/>
      <c r="SY7" s="19"/>
      <c r="SZ7" s="19"/>
      <c r="TA7" s="19"/>
      <c r="TB7" s="19"/>
      <c r="TC7" s="19"/>
      <c r="TD7" s="19"/>
      <c r="TE7" s="19"/>
      <c r="TF7" s="19"/>
      <c r="TG7" s="19"/>
      <c r="TH7" s="19"/>
      <c r="TI7" s="19"/>
      <c r="TJ7" s="19"/>
      <c r="TK7" s="19"/>
      <c r="TL7" s="19"/>
      <c r="TM7" s="19"/>
      <c r="TN7" s="19"/>
      <c r="TO7" s="19"/>
      <c r="TP7" s="19"/>
      <c r="TQ7" s="19"/>
      <c r="TR7" s="19"/>
      <c r="TS7" s="19"/>
      <c r="TT7" s="19"/>
      <c r="TU7" s="19"/>
      <c r="TV7" s="19"/>
      <c r="TW7" s="19"/>
      <c r="TX7" s="19"/>
      <c r="TY7" s="19"/>
      <c r="TZ7" s="19"/>
      <c r="UA7" s="19"/>
      <c r="UB7" s="19"/>
      <c r="UC7" s="19"/>
      <c r="UD7" s="19"/>
      <c r="UE7" s="19"/>
      <c r="UF7" s="19"/>
      <c r="UG7" s="19"/>
      <c r="UH7" s="19"/>
      <c r="UI7" s="19"/>
      <c r="UJ7" s="19"/>
      <c r="UK7" s="19"/>
      <c r="UL7" s="19"/>
      <c r="UM7" s="19"/>
      <c r="UN7" s="19"/>
      <c r="UO7" s="19"/>
      <c r="UP7" s="19"/>
      <c r="UQ7" s="19"/>
      <c r="UR7" s="19"/>
      <c r="US7" s="19"/>
      <c r="UT7" s="19"/>
      <c r="UU7" s="19"/>
      <c r="UV7" s="19"/>
      <c r="UW7" s="19"/>
      <c r="UX7" s="19"/>
      <c r="UY7" s="19"/>
      <c r="UZ7" s="19"/>
      <c r="VA7" s="19"/>
      <c r="VB7" s="19"/>
      <c r="VC7" s="19"/>
      <c r="VD7" s="19"/>
      <c r="VE7" s="19"/>
      <c r="VF7" s="19"/>
      <c r="VG7" s="19"/>
      <c r="VH7" s="19"/>
      <c r="VI7" s="19"/>
      <c r="VJ7" s="19"/>
      <c r="VK7" s="19"/>
      <c r="VL7" s="19"/>
      <c r="VM7" s="19"/>
      <c r="VN7" s="19"/>
      <c r="VO7" s="19"/>
      <c r="VP7" s="19"/>
      <c r="VQ7" s="19"/>
      <c r="VR7" s="19"/>
      <c r="VS7" s="19"/>
      <c r="VT7" s="19"/>
      <c r="VU7" s="19"/>
      <c r="VV7" s="19"/>
      <c r="VW7" s="19"/>
      <c r="VX7" s="19"/>
      <c r="VY7" s="19"/>
      <c r="VZ7" s="19"/>
      <c r="WA7" s="19"/>
      <c r="WB7" s="19"/>
      <c r="WC7" s="19"/>
      <c r="WD7" s="19"/>
      <c r="WE7" s="19"/>
      <c r="WF7" s="19"/>
      <c r="WG7" s="19"/>
      <c r="WH7" s="19"/>
      <c r="WI7" s="19"/>
      <c r="WJ7" s="19"/>
      <c r="WK7" s="19"/>
      <c r="WL7" s="19"/>
      <c r="WM7" s="19"/>
      <c r="WN7" s="19"/>
      <c r="WO7" s="19"/>
      <c r="WP7" s="19"/>
      <c r="WQ7" s="19"/>
      <c r="WR7" s="19"/>
      <c r="WS7" s="19"/>
      <c r="WT7" s="19"/>
      <c r="WU7" s="19"/>
      <c r="WV7" s="19"/>
      <c r="WW7" s="19"/>
      <c r="WX7" s="19"/>
      <c r="WY7" s="19"/>
      <c r="WZ7" s="19"/>
      <c r="XA7" s="19"/>
      <c r="XB7" s="19"/>
      <c r="XC7" s="19"/>
      <c r="XD7" s="19"/>
      <c r="XE7" s="19"/>
      <c r="XF7" s="19"/>
      <c r="XG7" s="19"/>
      <c r="XH7" s="19"/>
      <c r="XI7" s="19"/>
      <c r="XJ7" s="19"/>
      <c r="XK7" s="19"/>
      <c r="XL7" s="19"/>
      <c r="XM7" s="19"/>
      <c r="XN7" s="19"/>
      <c r="XO7" s="19"/>
      <c r="XP7" s="19"/>
      <c r="XQ7" s="19"/>
      <c r="XR7" s="19"/>
      <c r="XS7" s="19"/>
      <c r="XT7" s="19"/>
      <c r="XU7" s="19"/>
      <c r="XV7" s="19"/>
      <c r="XW7" s="19"/>
      <c r="XX7" s="19"/>
      <c r="XY7" s="19"/>
      <c r="XZ7" s="19"/>
      <c r="YA7" s="19"/>
      <c r="YB7" s="19"/>
      <c r="YC7" s="19"/>
      <c r="YD7" s="19"/>
      <c r="YE7" s="19"/>
      <c r="YF7" s="19"/>
      <c r="YG7" s="19"/>
      <c r="YH7" s="19"/>
      <c r="YI7" s="19"/>
      <c r="YJ7" s="19"/>
      <c r="YK7" s="19"/>
      <c r="YL7" s="19"/>
      <c r="YM7" s="19"/>
      <c r="YN7" s="19"/>
      <c r="YO7" s="19"/>
      <c r="YP7" s="19"/>
      <c r="YQ7" s="19"/>
      <c r="YR7" s="19"/>
      <c r="YS7" s="19"/>
      <c r="YT7" s="19"/>
      <c r="YU7" s="19"/>
      <c r="YV7" s="19"/>
      <c r="YW7" s="19"/>
      <c r="YX7" s="19"/>
      <c r="YY7" s="19"/>
      <c r="YZ7" s="19"/>
      <c r="ZA7" s="19"/>
      <c r="ZB7" s="19"/>
      <c r="ZC7" s="19"/>
      <c r="ZD7" s="19"/>
      <c r="ZE7" s="19"/>
      <c r="ZF7" s="19"/>
      <c r="ZG7" s="19"/>
      <c r="ZH7" s="19"/>
      <c r="ZI7" s="19"/>
      <c r="ZJ7" s="19"/>
      <c r="ZK7" s="19"/>
      <c r="ZL7" s="19"/>
      <c r="ZM7" s="19"/>
      <c r="ZN7" s="19"/>
      <c r="ZO7" s="19"/>
      <c r="ZP7" s="19"/>
      <c r="ZQ7" s="19"/>
      <c r="ZR7" s="19"/>
      <c r="ZS7" s="19"/>
      <c r="ZT7" s="19"/>
      <c r="ZU7" s="19"/>
      <c r="ZV7" s="19"/>
      <c r="ZW7" s="19"/>
      <c r="ZX7" s="19"/>
      <c r="ZY7" s="19"/>
      <c r="ZZ7" s="19"/>
      <c r="AAA7" s="19"/>
      <c r="AAB7" s="19"/>
      <c r="AAC7" s="19"/>
      <c r="AAD7" s="19"/>
      <c r="AAE7" s="19"/>
      <c r="AAF7" s="19"/>
      <c r="AAG7" s="19"/>
      <c r="AAH7" s="19"/>
      <c r="AAI7" s="19"/>
      <c r="AAJ7" s="19"/>
      <c r="AAK7" s="19"/>
      <c r="AAL7" s="19"/>
      <c r="AAM7" s="19"/>
      <c r="AAN7" s="19"/>
      <c r="AAO7" s="19"/>
      <c r="AAP7" s="19"/>
      <c r="AAQ7" s="19"/>
      <c r="AAR7" s="19"/>
      <c r="AAS7" s="19"/>
      <c r="AAT7" s="19"/>
      <c r="AAU7" s="19"/>
      <c r="AAV7" s="19"/>
      <c r="AAW7" s="19"/>
      <c r="AAX7" s="19"/>
      <c r="AAY7" s="19"/>
      <c r="AAZ7" s="19"/>
      <c r="ABA7" s="19"/>
      <c r="ABB7" s="19"/>
      <c r="ABC7" s="19"/>
      <c r="ABD7" s="19"/>
      <c r="ABE7" s="19"/>
      <c r="ABF7" s="19"/>
      <c r="ABG7" s="19"/>
      <c r="ABH7" s="19"/>
      <c r="ABI7" s="19"/>
      <c r="ABJ7" s="19"/>
      <c r="ABK7" s="19"/>
      <c r="ABL7" s="19"/>
      <c r="ABM7" s="19"/>
      <c r="ABN7" s="19"/>
      <c r="ABO7" s="19"/>
      <c r="ABP7" s="19"/>
      <c r="ABQ7" s="19"/>
      <c r="ABR7" s="19"/>
      <c r="ABS7" s="19"/>
      <c r="ABT7" s="19"/>
      <c r="ABU7" s="19"/>
      <c r="ABV7" s="19"/>
      <c r="ABW7" s="19"/>
      <c r="ABX7" s="19"/>
      <c r="ABY7" s="19"/>
      <c r="ABZ7" s="19"/>
      <c r="ACA7" s="19"/>
      <c r="ACB7" s="19"/>
      <c r="ACC7" s="19"/>
      <c r="ACD7" s="19"/>
      <c r="ACE7" s="19"/>
      <c r="ACF7" s="19"/>
      <c r="ACG7" s="19"/>
      <c r="ACH7" s="19"/>
      <c r="ACI7" s="19"/>
      <c r="ACJ7" s="19"/>
      <c r="ACK7" s="19"/>
      <c r="ACL7" s="19"/>
      <c r="ACM7" s="19"/>
      <c r="ACN7" s="19"/>
      <c r="ACO7" s="19"/>
      <c r="ACP7" s="19"/>
      <c r="ACQ7" s="19"/>
      <c r="ACR7" s="19"/>
      <c r="ACS7" s="19"/>
      <c r="ACT7" s="19"/>
      <c r="ACU7" s="19"/>
      <c r="ACV7" s="19"/>
      <c r="ACW7" s="19"/>
      <c r="ACX7" s="19"/>
      <c r="ACY7" s="19"/>
      <c r="ACZ7" s="19"/>
      <c r="ADA7" s="19"/>
      <c r="ADB7" s="19"/>
      <c r="ADC7" s="19"/>
      <c r="ADD7" s="19"/>
      <c r="ADE7" s="19"/>
      <c r="ADF7" s="19"/>
      <c r="ADG7" s="19"/>
      <c r="ADH7" s="19"/>
      <c r="ADI7" s="19"/>
      <c r="ADJ7" s="19"/>
      <c r="ADK7" s="19"/>
      <c r="ADL7" s="19"/>
      <c r="ADM7" s="19"/>
      <c r="ADN7" s="19"/>
      <c r="ADO7" s="19"/>
      <c r="ADP7" s="19"/>
      <c r="ADQ7" s="19"/>
      <c r="ADR7" s="19"/>
      <c r="ADS7" s="19"/>
      <c r="ADT7" s="19"/>
      <c r="ADU7" s="19"/>
      <c r="ADV7" s="19"/>
      <c r="ADW7" s="19"/>
      <c r="ADX7" s="19"/>
      <c r="ADY7" s="19"/>
      <c r="ADZ7" s="19"/>
      <c r="AEA7" s="19"/>
      <c r="AEB7" s="19"/>
      <c r="AEC7" s="19"/>
      <c r="AED7" s="19"/>
      <c r="AEE7" s="19"/>
      <c r="AEF7" s="19"/>
      <c r="AEG7" s="19"/>
      <c r="AEH7" s="19"/>
      <c r="AEI7" s="19"/>
      <c r="AEJ7" s="19"/>
      <c r="AEK7" s="19"/>
      <c r="AEL7" s="19"/>
      <c r="AEM7" s="19"/>
      <c r="AEN7" s="19"/>
      <c r="AEO7" s="19"/>
      <c r="AEP7" s="19"/>
      <c r="AEQ7" s="19"/>
      <c r="AER7" s="19"/>
      <c r="AES7" s="19"/>
      <c r="AET7" s="19"/>
      <c r="AEU7" s="19"/>
      <c r="AEV7" s="19"/>
      <c r="AEW7" s="19"/>
      <c r="AEX7" s="19"/>
      <c r="AEY7" s="19"/>
      <c r="AEZ7" s="19"/>
      <c r="AFA7" s="19"/>
      <c r="AFB7" s="19"/>
      <c r="AFC7" s="19"/>
      <c r="AFD7" s="19"/>
      <c r="AFE7" s="19"/>
      <c r="AFF7" s="19"/>
      <c r="AFG7" s="19"/>
      <c r="AFH7" s="19"/>
      <c r="AFI7" s="19"/>
      <c r="AFJ7" s="19"/>
      <c r="AFK7" s="19"/>
      <c r="AFL7" s="19"/>
      <c r="AFM7" s="19"/>
      <c r="AFN7" s="19"/>
      <c r="AFO7" s="19"/>
      <c r="AFP7" s="19"/>
      <c r="AFQ7" s="19"/>
      <c r="AFR7" s="19"/>
      <c r="AFS7" s="19"/>
      <c r="AFT7" s="19"/>
      <c r="AFU7" s="19"/>
      <c r="AFV7" s="19"/>
      <c r="AFW7" s="19"/>
      <c r="AFX7" s="19"/>
      <c r="AFY7" s="19"/>
      <c r="AFZ7" s="19"/>
      <c r="AGA7" s="19"/>
      <c r="AGB7" s="19"/>
      <c r="AGC7" s="19"/>
      <c r="AGD7" s="19"/>
      <c r="AGE7" s="19"/>
      <c r="AGF7" s="19"/>
      <c r="AGG7" s="19"/>
      <c r="AGH7" s="19"/>
      <c r="AGI7" s="19"/>
      <c r="AGJ7" s="19"/>
      <c r="AGK7" s="19"/>
      <c r="AGL7" s="19"/>
      <c r="AGM7" s="19"/>
      <c r="AGN7" s="19"/>
      <c r="AGO7" s="19"/>
      <c r="AGP7" s="19"/>
      <c r="AGQ7" s="19"/>
      <c r="AGR7" s="19"/>
      <c r="AGS7" s="19"/>
      <c r="AGT7" s="19"/>
      <c r="AGU7" s="19"/>
      <c r="AGV7" s="19"/>
      <c r="AGW7" s="19"/>
      <c r="AGX7" s="19"/>
      <c r="AGY7" s="19"/>
      <c r="AGZ7" s="19"/>
      <c r="AHA7" s="19"/>
      <c r="AHB7" s="19"/>
      <c r="AHC7" s="19"/>
      <c r="AHD7" s="19"/>
      <c r="AHE7" s="19"/>
      <c r="AHF7" s="19"/>
      <c r="AHG7" s="19"/>
      <c r="AHH7" s="19"/>
      <c r="AHI7" s="19"/>
      <c r="AHJ7" s="19"/>
      <c r="AHK7" s="19"/>
      <c r="AHL7" s="19"/>
      <c r="AHM7" s="19"/>
      <c r="AHN7" s="19"/>
      <c r="AHO7" s="19"/>
      <c r="AHP7" s="19"/>
      <c r="AHQ7" s="19"/>
      <c r="AHR7" s="19"/>
      <c r="AHS7" s="19"/>
      <c r="AHT7" s="19"/>
      <c r="AHU7" s="19"/>
      <c r="AHV7" s="19"/>
      <c r="AHW7" s="19"/>
      <c r="AHX7" s="19"/>
      <c r="AHY7" s="19"/>
      <c r="AHZ7" s="19"/>
      <c r="AIA7" s="19"/>
      <c r="AIB7" s="19"/>
      <c r="AIC7" s="19"/>
      <c r="AID7" s="19"/>
      <c r="AIE7" s="19"/>
      <c r="AIF7" s="19"/>
      <c r="AIG7" s="19"/>
      <c r="AIH7" s="19"/>
      <c r="AII7" s="19"/>
      <c r="AIJ7" s="19"/>
      <c r="AIK7" s="19"/>
      <c r="AIL7" s="19"/>
      <c r="AIM7" s="19"/>
      <c r="AIN7" s="19"/>
      <c r="AIO7" s="19"/>
      <c r="AIP7" s="19"/>
      <c r="AIQ7" s="19"/>
      <c r="AIR7" s="19"/>
      <c r="AIS7" s="19"/>
      <c r="AIT7" s="19"/>
      <c r="AIU7" s="19"/>
      <c r="AIV7" s="19"/>
      <c r="AIW7" s="19"/>
      <c r="AIX7" s="19"/>
      <c r="AIY7" s="19"/>
      <c r="AIZ7" s="19"/>
      <c r="AJA7" s="19"/>
      <c r="AJB7" s="19"/>
      <c r="AJC7" s="19"/>
      <c r="AJD7" s="19"/>
      <c r="AJE7" s="19"/>
      <c r="AJF7" s="19"/>
      <c r="AJG7" s="19"/>
      <c r="AJH7" s="19"/>
      <c r="AJI7" s="19"/>
      <c r="AJJ7" s="19"/>
      <c r="AJK7" s="19"/>
      <c r="AJL7" s="19"/>
      <c r="AJM7" s="19"/>
      <c r="AJN7" s="19"/>
      <c r="AJO7" s="19"/>
      <c r="AJP7" s="19"/>
      <c r="AJQ7" s="19"/>
      <c r="AJR7" s="19"/>
      <c r="AJS7" s="19"/>
      <c r="AJT7" s="19"/>
      <c r="AJU7" s="19"/>
      <c r="AJV7" s="19"/>
      <c r="AJW7" s="19"/>
      <c r="AJX7" s="19"/>
      <c r="AJY7" s="19"/>
      <c r="AJZ7" s="19"/>
      <c r="AKA7" s="19"/>
      <c r="AKB7" s="19"/>
      <c r="AKC7" s="19"/>
      <c r="AKD7" s="19"/>
      <c r="AKE7" s="19"/>
      <c r="AKF7" s="19"/>
      <c r="AKG7" s="19"/>
      <c r="AKH7" s="19"/>
      <c r="AKI7" s="19"/>
      <c r="AKJ7" s="19"/>
      <c r="AKK7" s="19"/>
      <c r="AKL7" s="19"/>
      <c r="AKM7" s="19"/>
      <c r="AKN7" s="19"/>
      <c r="AKO7" s="19"/>
      <c r="AKP7" s="19"/>
      <c r="AKQ7" s="19"/>
      <c r="AKR7" s="19"/>
      <c r="AKS7" s="19"/>
      <c r="AKT7" s="19"/>
      <c r="AKU7" s="19"/>
      <c r="AKV7" s="19"/>
      <c r="AKW7" s="19"/>
      <c r="AKX7" s="19"/>
      <c r="AKY7" s="19"/>
      <c r="AKZ7" s="19"/>
      <c r="ALA7" s="19"/>
      <c r="ALB7" s="19"/>
      <c r="ALC7" s="19"/>
      <c r="ALD7" s="19"/>
      <c r="ALE7" s="19"/>
      <c r="ALF7" s="19"/>
      <c r="ALG7" s="19"/>
      <c r="ALH7" s="19"/>
      <c r="ALI7" s="19"/>
      <c r="ALJ7" s="19"/>
      <c r="ALK7" s="19"/>
      <c r="ALL7" s="19"/>
      <c r="ALM7" s="19"/>
      <c r="ALN7" s="19"/>
      <c r="ALO7" s="19"/>
      <c r="ALP7" s="19"/>
      <c r="ALQ7" s="19"/>
      <c r="ALR7" s="19"/>
      <c r="ALS7" s="19"/>
      <c r="ALT7" s="19"/>
      <c r="ALU7" s="19"/>
      <c r="ALV7" s="19"/>
      <c r="ALW7" s="19"/>
      <c r="ALX7" s="19"/>
      <c r="ALY7" s="19"/>
      <c r="ALZ7" s="19"/>
      <c r="AMA7" s="19"/>
      <c r="AMB7" s="19"/>
      <c r="AMC7" s="19"/>
      <c r="AMD7" s="19"/>
      <c r="AME7" s="19"/>
      <c r="AMF7" s="19"/>
      <c r="AMG7" s="19"/>
      <c r="AMH7" s="19"/>
      <c r="AMI7" s="19"/>
      <c r="AMJ7" s="19"/>
      <c r="AMK7" s="19"/>
      <c r="AML7" s="19"/>
      <c r="AMM7" s="19"/>
      <c r="AMN7" s="19"/>
      <c r="AMO7" s="19"/>
      <c r="AMP7" s="19"/>
      <c r="AMQ7" s="19"/>
      <c r="AMR7" s="19"/>
      <c r="AMS7" s="19"/>
      <c r="AMT7" s="19"/>
      <c r="AMU7" s="19"/>
      <c r="AMV7" s="19"/>
      <c r="AMW7" s="19"/>
      <c r="AMX7" s="19"/>
      <c r="AMY7" s="19"/>
      <c r="AMZ7" s="19"/>
      <c r="ANA7" s="19"/>
      <c r="ANB7" s="19"/>
      <c r="ANC7" s="19"/>
      <c r="AND7" s="19"/>
      <c r="ANE7" s="19"/>
      <c r="ANF7" s="19"/>
      <c r="ANG7" s="19"/>
      <c r="ANH7" s="19"/>
      <c r="ANI7" s="19"/>
      <c r="ANJ7" s="19"/>
      <c r="ANK7" s="19"/>
      <c r="ANL7" s="19"/>
      <c r="ANM7" s="19"/>
      <c r="ANN7" s="19"/>
      <c r="ANO7" s="19"/>
      <c r="ANP7" s="19"/>
      <c r="ANQ7" s="19"/>
      <c r="ANR7" s="19"/>
      <c r="ANS7" s="19"/>
      <c r="ANT7" s="19"/>
      <c r="ANU7" s="19"/>
      <c r="ANV7" s="19"/>
      <c r="ANW7" s="19"/>
      <c r="ANX7" s="19"/>
      <c r="ANY7" s="19"/>
      <c r="ANZ7" s="19"/>
      <c r="AOA7" s="19"/>
      <c r="AOB7" s="19"/>
      <c r="AOC7" s="19"/>
      <c r="AOD7" s="19"/>
      <c r="AOE7" s="19"/>
      <c r="AOF7" s="19"/>
      <c r="AOG7" s="19"/>
      <c r="AOH7" s="19"/>
      <c r="AOI7" s="19"/>
      <c r="AOJ7" s="19"/>
      <c r="AOK7" s="19"/>
      <c r="AOL7" s="19"/>
      <c r="AOM7" s="19"/>
      <c r="AON7" s="19"/>
      <c r="AOO7" s="19"/>
      <c r="AOP7" s="19"/>
      <c r="AOQ7" s="19"/>
      <c r="AOR7" s="19"/>
      <c r="AOS7" s="19"/>
      <c r="AOT7" s="19"/>
      <c r="AOU7" s="19"/>
      <c r="AOV7" s="19"/>
      <c r="AOW7" s="19"/>
      <c r="AOX7" s="19"/>
      <c r="AOY7" s="19"/>
      <c r="AOZ7" s="19"/>
      <c r="APA7" s="19"/>
      <c r="APB7" s="19"/>
      <c r="APC7" s="19"/>
      <c r="APD7" s="19"/>
      <c r="APE7" s="19"/>
      <c r="APF7" s="19"/>
      <c r="APG7" s="19"/>
      <c r="APH7" s="19"/>
      <c r="API7" s="19"/>
      <c r="APJ7" s="19"/>
      <c r="APK7" s="19"/>
      <c r="APL7" s="19"/>
      <c r="APM7" s="19"/>
      <c r="APN7" s="19"/>
      <c r="APO7" s="19"/>
      <c r="APP7" s="19"/>
      <c r="APQ7" s="19"/>
      <c r="APR7" s="19"/>
      <c r="APS7" s="19"/>
      <c r="APT7" s="19"/>
      <c r="APU7" s="19"/>
      <c r="APV7" s="19"/>
      <c r="APW7" s="19"/>
      <c r="APX7" s="19"/>
      <c r="APY7" s="19"/>
      <c r="APZ7" s="19"/>
      <c r="AQA7" s="19"/>
      <c r="AQB7" s="19"/>
      <c r="AQC7" s="19"/>
      <c r="AQD7" s="19"/>
      <c r="AQE7" s="19"/>
      <c r="AQF7" s="19"/>
      <c r="AQG7" s="19"/>
      <c r="AQH7" s="19"/>
      <c r="AQI7" s="19"/>
      <c r="AQJ7" s="19"/>
      <c r="AQK7" s="19"/>
      <c r="AQL7" s="19"/>
      <c r="AQM7" s="19"/>
      <c r="AQN7" s="19"/>
      <c r="AQO7" s="19"/>
      <c r="AQP7" s="19"/>
      <c r="AQQ7" s="19"/>
      <c r="AQR7" s="19"/>
      <c r="AQS7" s="19"/>
      <c r="AQT7" s="19"/>
      <c r="AQU7" s="19"/>
      <c r="AQV7" s="19"/>
      <c r="AQW7" s="19"/>
      <c r="AQX7" s="19"/>
      <c r="AQY7" s="19"/>
      <c r="AQZ7" s="19"/>
      <c r="ARA7" s="19"/>
      <c r="ARB7" s="19"/>
      <c r="ARC7" s="19"/>
      <c r="ARD7" s="19"/>
      <c r="ARE7" s="19"/>
      <c r="ARF7" s="19"/>
      <c r="ARG7" s="19"/>
      <c r="ARH7" s="19"/>
      <c r="ARI7" s="19"/>
      <c r="ARJ7" s="19"/>
      <c r="ARK7" s="19"/>
      <c r="ARL7" s="19"/>
      <c r="ARM7" s="19"/>
      <c r="ARN7" s="19"/>
      <c r="ARO7" s="19"/>
      <c r="ARP7" s="19"/>
      <c r="ARQ7" s="19"/>
      <c r="ARR7" s="19"/>
      <c r="ARS7" s="19"/>
      <c r="ART7" s="19"/>
      <c r="ARU7" s="19"/>
      <c r="ARV7" s="19"/>
      <c r="ARW7" s="19"/>
      <c r="ARX7" s="19"/>
      <c r="ARY7" s="19"/>
      <c r="ARZ7" s="19"/>
      <c r="ASA7" s="19"/>
      <c r="ASB7" s="19"/>
      <c r="ASC7" s="19"/>
      <c r="ASD7" s="19"/>
      <c r="ASE7" s="19"/>
      <c r="ASF7" s="19"/>
      <c r="ASG7" s="19"/>
      <c r="ASH7" s="19"/>
      <c r="ASI7" s="19"/>
      <c r="ASJ7" s="19"/>
      <c r="ASK7" s="19"/>
      <c r="ASL7" s="19"/>
      <c r="ASM7" s="19"/>
      <c r="ASN7" s="19"/>
      <c r="ASO7" s="19"/>
      <c r="ASP7" s="19"/>
      <c r="ASQ7" s="19"/>
      <c r="ASR7" s="19"/>
      <c r="ASS7" s="19"/>
      <c r="AST7" s="19"/>
      <c r="ASU7" s="19"/>
      <c r="ASV7" s="19"/>
      <c r="ASW7" s="19"/>
      <c r="ASX7" s="19"/>
      <c r="ASY7" s="19"/>
      <c r="ASZ7" s="19"/>
      <c r="ATA7" s="19"/>
      <c r="ATB7" s="19"/>
      <c r="ATC7" s="19"/>
      <c r="ATD7" s="19"/>
      <c r="ATE7" s="19"/>
      <c r="ATF7" s="19"/>
      <c r="ATG7" s="19"/>
      <c r="ATH7" s="19"/>
      <c r="ATI7" s="19"/>
      <c r="ATJ7" s="19"/>
      <c r="ATK7" s="19"/>
      <c r="ATL7" s="19"/>
      <c r="ATM7" s="19"/>
      <c r="ATN7" s="19"/>
      <c r="ATO7" s="19"/>
      <c r="ATP7" s="19"/>
      <c r="ATQ7" s="19"/>
      <c r="ATR7" s="19"/>
      <c r="ATS7" s="19"/>
      <c r="ATT7" s="19"/>
      <c r="ATU7" s="19"/>
      <c r="ATV7" s="19"/>
      <c r="ATW7" s="19"/>
      <c r="ATX7" s="19"/>
      <c r="ATY7" s="19"/>
      <c r="ATZ7" s="19"/>
      <c r="AUA7" s="19"/>
      <c r="AUB7" s="19"/>
      <c r="AUC7" s="19"/>
      <c r="AUD7" s="19"/>
      <c r="AUE7" s="19"/>
      <c r="AUF7" s="19"/>
      <c r="AUG7" s="19"/>
      <c r="AUH7" s="19"/>
      <c r="AUI7" s="19"/>
      <c r="AUJ7" s="19"/>
      <c r="AUK7" s="19"/>
      <c r="AUL7" s="19"/>
      <c r="AUM7" s="19"/>
      <c r="AUN7" s="19"/>
      <c r="AUO7" s="19"/>
      <c r="AUP7" s="19"/>
      <c r="AUQ7" s="19"/>
      <c r="AUR7" s="19"/>
      <c r="AUS7" s="19"/>
      <c r="AUT7" s="19"/>
      <c r="AUU7" s="19"/>
      <c r="AUV7" s="19"/>
      <c r="AUW7" s="19"/>
      <c r="AUX7" s="19"/>
      <c r="AUY7" s="19"/>
      <c r="AUZ7" s="19"/>
      <c r="AVA7" s="19"/>
      <c r="AVB7" s="19"/>
      <c r="AVC7" s="19"/>
      <c r="AVD7" s="19"/>
      <c r="AVE7" s="19"/>
      <c r="AVF7" s="19"/>
      <c r="AVG7" s="19"/>
      <c r="AVH7" s="19"/>
      <c r="AVI7" s="19"/>
      <c r="AVJ7" s="19"/>
      <c r="AVK7" s="19"/>
      <c r="AVL7" s="19"/>
      <c r="AVM7" s="19"/>
      <c r="AVN7" s="19"/>
      <c r="AVO7" s="19"/>
      <c r="AVP7" s="19"/>
      <c r="AVQ7" s="19"/>
      <c r="AVR7" s="19"/>
      <c r="AVS7" s="19"/>
      <c r="AVT7" s="19"/>
      <c r="AVU7" s="19"/>
      <c r="AVV7" s="19"/>
      <c r="AVW7" s="19"/>
      <c r="AVX7" s="19"/>
      <c r="AVY7" s="19"/>
      <c r="AVZ7" s="19"/>
      <c r="AWA7" s="19"/>
      <c r="AWB7" s="19"/>
      <c r="AWC7" s="19"/>
      <c r="AWD7" s="19"/>
      <c r="AWE7" s="19"/>
      <c r="AWF7" s="19"/>
      <c r="AWG7" s="19"/>
      <c r="AWH7" s="19"/>
      <c r="AWI7" s="19"/>
      <c r="AWJ7" s="19"/>
      <c r="AWK7" s="19"/>
      <c r="AWL7" s="19"/>
      <c r="AWM7" s="19"/>
      <c r="AWN7" s="19"/>
      <c r="AWO7" s="19"/>
      <c r="AWP7" s="19"/>
      <c r="AWQ7" s="19"/>
      <c r="AWR7" s="19"/>
      <c r="AWS7" s="19"/>
      <c r="AWT7" s="19"/>
      <c r="AWU7" s="19"/>
      <c r="AWV7" s="19"/>
      <c r="AWW7" s="19"/>
      <c r="AWX7" s="19"/>
      <c r="AWY7" s="19"/>
      <c r="AWZ7" s="19"/>
      <c r="AXA7" s="19"/>
      <c r="AXB7" s="19"/>
      <c r="AXC7" s="19"/>
      <c r="AXD7" s="19"/>
      <c r="AXE7" s="19"/>
      <c r="AXF7" s="19"/>
      <c r="AXG7" s="19"/>
      <c r="AXH7" s="19"/>
      <c r="AXI7" s="19"/>
      <c r="AXJ7" s="19"/>
      <c r="AXK7" s="19"/>
      <c r="AXL7" s="19"/>
      <c r="AXM7" s="19"/>
      <c r="AXN7" s="19"/>
      <c r="AXO7" s="19"/>
      <c r="AXP7" s="19"/>
      <c r="AXQ7" s="19"/>
      <c r="AXR7" s="19"/>
      <c r="AXS7" s="19"/>
      <c r="AXT7" s="19"/>
      <c r="AXU7" s="19"/>
      <c r="AXV7" s="19"/>
      <c r="AXW7" s="19"/>
      <c r="AXX7" s="19"/>
      <c r="AXY7" s="19"/>
      <c r="AXZ7" s="19"/>
      <c r="AYA7" s="19"/>
      <c r="AYB7" s="19"/>
      <c r="AYC7" s="19"/>
      <c r="AYD7" s="19"/>
      <c r="AYE7" s="19"/>
      <c r="AYF7" s="19"/>
      <c r="AYG7" s="19"/>
      <c r="AYH7" s="19"/>
      <c r="AYI7" s="19"/>
      <c r="AYJ7" s="19"/>
      <c r="AYK7" s="19"/>
      <c r="AYL7" s="19"/>
      <c r="AYM7" s="19"/>
      <c r="AYN7" s="19"/>
      <c r="AYO7" s="19"/>
      <c r="AYP7" s="19"/>
      <c r="AYQ7" s="19"/>
      <c r="AYR7" s="19"/>
      <c r="AYS7" s="19"/>
      <c r="AYT7" s="19"/>
      <c r="AYU7" s="19"/>
      <c r="AYV7" s="19"/>
      <c r="AYW7" s="19"/>
      <c r="AYX7" s="19"/>
      <c r="AYY7" s="19"/>
      <c r="AYZ7" s="19"/>
      <c r="AZA7" s="19"/>
      <c r="AZB7" s="19"/>
      <c r="AZC7" s="19"/>
      <c r="AZD7" s="19"/>
      <c r="AZE7" s="19"/>
      <c r="AZF7" s="19"/>
      <c r="AZG7" s="19"/>
      <c r="AZH7" s="19"/>
      <c r="AZI7" s="19"/>
      <c r="AZJ7" s="19"/>
      <c r="AZK7" s="19"/>
      <c r="AZL7" s="19"/>
      <c r="AZM7" s="19"/>
      <c r="AZN7" s="19"/>
      <c r="AZO7" s="19"/>
      <c r="AZP7" s="19"/>
      <c r="AZQ7" s="19"/>
      <c r="AZR7" s="19"/>
      <c r="AZS7" s="19"/>
      <c r="AZT7" s="19"/>
      <c r="AZU7" s="19"/>
      <c r="AZV7" s="19"/>
      <c r="AZW7" s="19"/>
      <c r="AZX7" s="19"/>
      <c r="AZY7" s="19"/>
      <c r="AZZ7" s="19"/>
      <c r="BAA7" s="19"/>
      <c r="BAB7" s="19"/>
      <c r="BAC7" s="19"/>
      <c r="BAD7" s="19"/>
      <c r="BAE7" s="19"/>
      <c r="BAF7" s="19"/>
      <c r="BAG7" s="19"/>
      <c r="BAH7" s="19"/>
      <c r="BAI7" s="19"/>
      <c r="BAJ7" s="19"/>
      <c r="BAK7" s="19"/>
      <c r="BAL7" s="19"/>
      <c r="BAM7" s="19"/>
      <c r="BAN7" s="19"/>
      <c r="BAO7" s="19"/>
      <c r="BAP7" s="19"/>
      <c r="BAQ7" s="19"/>
      <c r="BAR7" s="19"/>
      <c r="BAS7" s="19"/>
      <c r="BAT7" s="19"/>
      <c r="BAU7" s="19"/>
      <c r="BAV7" s="19"/>
      <c r="BAW7" s="19"/>
      <c r="BAX7" s="19"/>
      <c r="BAY7" s="19"/>
      <c r="BAZ7" s="19"/>
      <c r="BBA7" s="19"/>
      <c r="BBB7" s="19"/>
      <c r="BBC7" s="19"/>
      <c r="BBD7" s="19"/>
      <c r="BBE7" s="19"/>
      <c r="BBF7" s="19"/>
      <c r="BBG7" s="19"/>
      <c r="BBH7" s="19"/>
      <c r="BBI7" s="19"/>
      <c r="BBJ7" s="19"/>
      <c r="BBK7" s="19"/>
      <c r="BBL7" s="19"/>
      <c r="BBM7" s="19"/>
      <c r="BBN7" s="19"/>
    </row>
    <row r="8" spans="1:1418" s="20" customFormat="1" ht="15" customHeight="1" x14ac:dyDescent="0.2">
      <c r="A8" s="93" t="s">
        <v>0</v>
      </c>
      <c r="B8" s="1"/>
      <c r="C8" s="162"/>
      <c r="D8" s="163"/>
      <c r="E8" s="164"/>
      <c r="F8" s="1"/>
      <c r="G8" s="1"/>
      <c r="H8" s="1"/>
      <c r="I8" s="1"/>
      <c r="J8" s="92"/>
      <c r="K8" s="19"/>
      <c r="L8" s="19"/>
      <c r="M8" s="19"/>
      <c r="N8" s="19"/>
      <c r="O8" s="19"/>
      <c r="P8" s="19"/>
      <c r="Q8" s="19"/>
      <c r="R8" s="19"/>
      <c r="S8" s="19"/>
      <c r="T8" s="19"/>
      <c r="U8" s="19"/>
      <c r="V8" s="19"/>
      <c r="W8" s="19"/>
      <c r="X8" s="19"/>
      <c r="Y8" s="19"/>
      <c r="Z8" s="19"/>
      <c r="AA8" s="19"/>
      <c r="AB8" s="19"/>
      <c r="AC8" s="19"/>
      <c r="AD8" s="19"/>
      <c r="AE8" s="19"/>
      <c r="AF8" s="19"/>
      <c r="AG8" s="19"/>
      <c r="AH8" s="19"/>
      <c r="AI8" s="19"/>
      <c r="AJ8" s="19"/>
      <c r="AK8" s="19"/>
      <c r="AL8" s="19"/>
      <c r="AM8" s="19"/>
      <c r="AN8" s="19"/>
      <c r="AO8" s="19"/>
      <c r="AP8" s="19"/>
      <c r="AQ8" s="19"/>
      <c r="AR8" s="19"/>
      <c r="AS8" s="19"/>
      <c r="AT8" s="19"/>
      <c r="AU8" s="19"/>
      <c r="AV8" s="19"/>
      <c r="AW8" s="19"/>
      <c r="AX8" s="19"/>
      <c r="AY8" s="19"/>
      <c r="AZ8" s="19"/>
      <c r="BA8" s="19"/>
      <c r="BB8" s="19"/>
      <c r="BC8" s="19"/>
      <c r="BD8" s="19"/>
      <c r="BE8" s="19"/>
      <c r="BF8" s="19"/>
      <c r="BG8" s="19"/>
      <c r="BH8" s="19"/>
      <c r="BI8" s="19"/>
      <c r="BJ8" s="19"/>
      <c r="BK8" s="19"/>
      <c r="BL8" s="19"/>
      <c r="BM8" s="19"/>
      <c r="BN8" s="19"/>
      <c r="BO8" s="19"/>
      <c r="BP8" s="19"/>
      <c r="BQ8" s="19"/>
      <c r="BR8" s="19"/>
      <c r="BS8" s="19"/>
      <c r="BT8" s="19"/>
      <c r="BU8" s="19"/>
      <c r="BV8" s="19"/>
      <c r="BW8" s="19"/>
      <c r="BX8" s="19"/>
      <c r="BY8" s="19"/>
      <c r="BZ8" s="19"/>
      <c r="CA8" s="19"/>
      <c r="CB8" s="19"/>
      <c r="CC8" s="19"/>
      <c r="CD8" s="19"/>
      <c r="CE8" s="19"/>
      <c r="CF8" s="19"/>
      <c r="CG8" s="19"/>
      <c r="CH8" s="19"/>
      <c r="CI8" s="19"/>
      <c r="CJ8" s="19"/>
      <c r="CK8" s="19"/>
      <c r="CL8" s="19"/>
      <c r="CM8" s="19"/>
      <c r="CN8" s="19"/>
      <c r="CO8" s="19"/>
      <c r="CP8" s="19"/>
      <c r="CQ8" s="19"/>
      <c r="CR8" s="19"/>
      <c r="CS8" s="19"/>
      <c r="CT8" s="19"/>
      <c r="CU8" s="19"/>
      <c r="CV8" s="19"/>
      <c r="CW8" s="19"/>
      <c r="CX8" s="19"/>
      <c r="CY8" s="19"/>
      <c r="CZ8" s="19"/>
      <c r="DA8" s="19"/>
      <c r="DB8" s="19"/>
      <c r="DC8" s="19"/>
      <c r="DD8" s="19"/>
      <c r="DE8" s="19"/>
      <c r="DF8" s="19"/>
      <c r="DG8" s="19"/>
      <c r="DH8" s="19"/>
      <c r="DI8" s="19"/>
      <c r="DJ8" s="19"/>
      <c r="DK8" s="19"/>
      <c r="DL8" s="19"/>
      <c r="DM8" s="19"/>
      <c r="DN8" s="19"/>
      <c r="DO8" s="19"/>
      <c r="DP8" s="19"/>
      <c r="DQ8" s="19"/>
      <c r="DR8" s="19"/>
      <c r="DS8" s="19"/>
      <c r="DT8" s="19"/>
      <c r="DU8" s="19"/>
      <c r="DV8" s="19"/>
      <c r="DW8" s="19"/>
      <c r="DX8" s="19"/>
      <c r="DY8" s="19"/>
      <c r="DZ8" s="19"/>
      <c r="EA8" s="19"/>
      <c r="EB8" s="19"/>
      <c r="EC8" s="19"/>
      <c r="ED8" s="19"/>
      <c r="EE8" s="19"/>
      <c r="EF8" s="19"/>
      <c r="EG8" s="19"/>
      <c r="EH8" s="19"/>
      <c r="EI8" s="19"/>
      <c r="EJ8" s="19"/>
      <c r="EK8" s="19"/>
      <c r="EL8" s="19"/>
      <c r="EM8" s="19"/>
      <c r="EN8" s="19"/>
      <c r="EO8" s="19"/>
      <c r="EP8" s="19"/>
      <c r="EQ8" s="19"/>
      <c r="ER8" s="19"/>
      <c r="ES8" s="19"/>
      <c r="ET8" s="19"/>
      <c r="EU8" s="19"/>
      <c r="EV8" s="19"/>
      <c r="EW8" s="19"/>
      <c r="EX8" s="19"/>
      <c r="EY8" s="19"/>
      <c r="EZ8" s="19"/>
      <c r="FA8" s="19"/>
      <c r="FB8" s="19"/>
      <c r="FC8" s="19"/>
      <c r="FD8" s="19"/>
      <c r="FE8" s="19"/>
      <c r="FF8" s="19"/>
      <c r="FG8" s="19"/>
      <c r="FH8" s="19"/>
      <c r="FI8" s="19"/>
      <c r="FJ8" s="19"/>
      <c r="FK8" s="19"/>
      <c r="FL8" s="19"/>
      <c r="FM8" s="19"/>
      <c r="FN8" s="19"/>
      <c r="FO8" s="19"/>
      <c r="FP8" s="19"/>
      <c r="FQ8" s="19"/>
      <c r="FR8" s="19"/>
      <c r="FS8" s="19"/>
      <c r="FT8" s="19"/>
      <c r="FU8" s="19"/>
      <c r="FV8" s="19"/>
      <c r="FW8" s="19"/>
      <c r="FX8" s="19"/>
      <c r="FY8" s="19"/>
      <c r="FZ8" s="19"/>
      <c r="GA8" s="19"/>
      <c r="GB8" s="19"/>
      <c r="GC8" s="19"/>
      <c r="GD8" s="19"/>
      <c r="GE8" s="19"/>
      <c r="GF8" s="19"/>
      <c r="GG8" s="19"/>
      <c r="GH8" s="19"/>
      <c r="GI8" s="19"/>
      <c r="GJ8" s="19"/>
      <c r="GK8" s="19"/>
      <c r="GL8" s="19"/>
      <c r="GM8" s="19"/>
      <c r="GN8" s="19"/>
      <c r="GO8" s="19"/>
      <c r="GP8" s="19"/>
      <c r="GQ8" s="19"/>
      <c r="GR8" s="19"/>
      <c r="GS8" s="19"/>
      <c r="GT8" s="19"/>
      <c r="GU8" s="19"/>
      <c r="GV8" s="19"/>
      <c r="GW8" s="19"/>
      <c r="GX8" s="19"/>
      <c r="GY8" s="19"/>
      <c r="GZ8" s="19"/>
      <c r="HA8" s="19"/>
      <c r="HB8" s="19"/>
      <c r="HC8" s="19"/>
      <c r="HD8" s="19"/>
      <c r="HE8" s="19"/>
      <c r="HF8" s="19"/>
      <c r="HG8" s="19"/>
      <c r="HH8" s="19"/>
      <c r="HI8" s="19"/>
      <c r="HJ8" s="19"/>
      <c r="HK8" s="19"/>
      <c r="HL8" s="19"/>
      <c r="HM8" s="19"/>
      <c r="HN8" s="19"/>
      <c r="HO8" s="19"/>
      <c r="HP8" s="19"/>
      <c r="HQ8" s="19"/>
      <c r="HR8" s="19"/>
      <c r="HS8" s="19"/>
      <c r="HT8" s="19"/>
      <c r="HU8" s="19"/>
      <c r="HV8" s="19"/>
      <c r="HW8" s="19"/>
      <c r="HX8" s="19"/>
      <c r="HY8" s="19"/>
      <c r="HZ8" s="19"/>
      <c r="IA8" s="19"/>
      <c r="IB8" s="19"/>
      <c r="IC8" s="19"/>
      <c r="ID8" s="19"/>
      <c r="IE8" s="19"/>
      <c r="IF8" s="19"/>
      <c r="IG8" s="19"/>
      <c r="IH8" s="19"/>
      <c r="II8" s="19"/>
      <c r="IJ8" s="19"/>
      <c r="IK8" s="19"/>
      <c r="IL8" s="19"/>
      <c r="IM8" s="19"/>
      <c r="IN8" s="19"/>
      <c r="IO8" s="19"/>
      <c r="IP8" s="19"/>
      <c r="IQ8" s="19"/>
      <c r="IR8" s="19"/>
      <c r="IS8" s="19"/>
      <c r="IT8" s="19"/>
      <c r="IU8" s="19"/>
      <c r="IV8" s="19"/>
      <c r="IW8" s="19"/>
      <c r="IX8" s="19"/>
      <c r="IY8" s="19"/>
      <c r="IZ8" s="19"/>
      <c r="JA8" s="19"/>
      <c r="JB8" s="19"/>
      <c r="JC8" s="19"/>
      <c r="JD8" s="19"/>
      <c r="JE8" s="19"/>
      <c r="JF8" s="19"/>
      <c r="JG8" s="19"/>
      <c r="JH8" s="19"/>
      <c r="JI8" s="19"/>
      <c r="JJ8" s="19"/>
      <c r="JK8" s="19"/>
      <c r="JL8" s="19"/>
      <c r="JM8" s="19"/>
      <c r="JN8" s="19"/>
      <c r="JO8" s="19"/>
      <c r="JP8" s="19"/>
      <c r="JQ8" s="19"/>
      <c r="JR8" s="19"/>
      <c r="JS8" s="19"/>
      <c r="JT8" s="19"/>
      <c r="JU8" s="19"/>
      <c r="JV8" s="19"/>
      <c r="JW8" s="19"/>
      <c r="JX8" s="19"/>
      <c r="JY8" s="19"/>
      <c r="JZ8" s="19"/>
      <c r="KA8" s="19"/>
      <c r="KB8" s="19"/>
      <c r="KC8" s="19"/>
      <c r="KD8" s="19"/>
      <c r="KE8" s="19"/>
      <c r="KF8" s="19"/>
      <c r="KG8" s="19"/>
      <c r="KH8" s="19"/>
      <c r="KI8" s="19"/>
      <c r="KJ8" s="19"/>
      <c r="KK8" s="19"/>
      <c r="KL8" s="19"/>
      <c r="KM8" s="19"/>
      <c r="KN8" s="19"/>
      <c r="KO8" s="19"/>
      <c r="KP8" s="19"/>
      <c r="KQ8" s="19"/>
      <c r="KR8" s="19"/>
      <c r="KS8" s="19"/>
      <c r="KT8" s="19"/>
      <c r="KU8" s="19"/>
      <c r="KV8" s="19"/>
      <c r="KW8" s="19"/>
      <c r="KX8" s="19"/>
      <c r="KY8" s="19"/>
      <c r="KZ8" s="19"/>
      <c r="LA8" s="19"/>
      <c r="LB8" s="19"/>
      <c r="LC8" s="19"/>
      <c r="LD8" s="19"/>
      <c r="LE8" s="19"/>
      <c r="LF8" s="19"/>
      <c r="LG8" s="19"/>
      <c r="LH8" s="19"/>
      <c r="LI8" s="19"/>
      <c r="LJ8" s="19"/>
      <c r="LK8" s="19"/>
      <c r="LL8" s="19"/>
      <c r="LM8" s="19"/>
      <c r="LN8" s="19"/>
      <c r="LO8" s="19"/>
      <c r="LP8" s="19"/>
      <c r="LQ8" s="19"/>
      <c r="LR8" s="19"/>
      <c r="LS8" s="19"/>
      <c r="LT8" s="19"/>
      <c r="LU8" s="19"/>
      <c r="LV8" s="19"/>
      <c r="LW8" s="19"/>
      <c r="LX8" s="19"/>
      <c r="LY8" s="19"/>
      <c r="LZ8" s="19"/>
      <c r="MA8" s="19"/>
      <c r="MB8" s="19"/>
      <c r="MC8" s="19"/>
      <c r="MD8" s="19"/>
      <c r="ME8" s="19"/>
      <c r="MF8" s="19"/>
      <c r="MG8" s="19"/>
      <c r="MH8" s="19"/>
      <c r="MI8" s="19"/>
      <c r="MJ8" s="19"/>
      <c r="MK8" s="19"/>
      <c r="ML8" s="19"/>
      <c r="MM8" s="19"/>
      <c r="MN8" s="19"/>
      <c r="MO8" s="19"/>
      <c r="MP8" s="19"/>
      <c r="MQ8" s="19"/>
      <c r="MR8" s="19"/>
      <c r="MS8" s="19"/>
      <c r="MT8" s="19"/>
      <c r="MU8" s="19"/>
      <c r="MV8" s="19"/>
      <c r="MW8" s="19"/>
      <c r="MX8" s="19"/>
      <c r="MY8" s="19"/>
      <c r="MZ8" s="19"/>
      <c r="NA8" s="19"/>
      <c r="NB8" s="19"/>
      <c r="NC8" s="19"/>
      <c r="ND8" s="19"/>
      <c r="NE8" s="19"/>
      <c r="NF8" s="19"/>
      <c r="NG8" s="19"/>
      <c r="NH8" s="19"/>
      <c r="NI8" s="19"/>
      <c r="NJ8" s="19"/>
      <c r="NK8" s="19"/>
      <c r="NL8" s="19"/>
      <c r="NM8" s="19"/>
      <c r="NN8" s="19"/>
      <c r="NO8" s="19"/>
      <c r="NP8" s="19"/>
      <c r="NQ8" s="19"/>
      <c r="NR8" s="19"/>
      <c r="NS8" s="19"/>
      <c r="NT8" s="19"/>
      <c r="NU8" s="19"/>
      <c r="NV8" s="19"/>
      <c r="NW8" s="19"/>
      <c r="NX8" s="19"/>
      <c r="NY8" s="19"/>
      <c r="NZ8" s="19"/>
      <c r="OA8" s="19"/>
      <c r="OB8" s="19"/>
      <c r="OC8" s="19"/>
      <c r="OD8" s="19"/>
      <c r="OE8" s="19"/>
      <c r="OF8" s="19"/>
      <c r="OG8" s="19"/>
      <c r="OH8" s="19"/>
      <c r="OI8" s="19"/>
      <c r="OJ8" s="19"/>
      <c r="OK8" s="19"/>
      <c r="OL8" s="19"/>
      <c r="OM8" s="19"/>
      <c r="ON8" s="19"/>
      <c r="OO8" s="19"/>
      <c r="OP8" s="19"/>
      <c r="OQ8" s="19"/>
      <c r="OR8" s="19"/>
      <c r="OS8" s="19"/>
      <c r="OT8" s="19"/>
      <c r="OU8" s="19"/>
      <c r="OV8" s="19"/>
      <c r="OW8" s="19"/>
      <c r="OX8" s="19"/>
      <c r="OY8" s="19"/>
      <c r="OZ8" s="19"/>
      <c r="PA8" s="19"/>
      <c r="PB8" s="19"/>
      <c r="PC8" s="19"/>
      <c r="PD8" s="19"/>
      <c r="PE8" s="19"/>
      <c r="PF8" s="19"/>
      <c r="PG8" s="19"/>
      <c r="PH8" s="19"/>
      <c r="PI8" s="19"/>
      <c r="PJ8" s="19"/>
      <c r="PK8" s="19"/>
      <c r="PL8" s="19"/>
      <c r="PM8" s="19"/>
      <c r="PN8" s="19"/>
      <c r="PO8" s="19"/>
      <c r="PP8" s="19"/>
      <c r="PQ8" s="19"/>
      <c r="PR8" s="19"/>
      <c r="PS8" s="19"/>
      <c r="PT8" s="19"/>
      <c r="PU8" s="19"/>
      <c r="PV8" s="19"/>
      <c r="PW8" s="19"/>
      <c r="PX8" s="19"/>
      <c r="PY8" s="19"/>
      <c r="PZ8" s="19"/>
      <c r="QA8" s="19"/>
      <c r="QB8" s="19"/>
      <c r="QC8" s="19"/>
      <c r="QD8" s="19"/>
      <c r="QE8" s="19"/>
      <c r="QF8" s="19"/>
      <c r="QG8" s="19"/>
      <c r="QH8" s="19"/>
      <c r="QI8" s="19"/>
      <c r="QJ8" s="19"/>
      <c r="QK8" s="19"/>
      <c r="QL8" s="19"/>
      <c r="QM8" s="19"/>
      <c r="QN8" s="19"/>
      <c r="QO8" s="19"/>
      <c r="QP8" s="19"/>
      <c r="QQ8" s="19"/>
      <c r="QR8" s="19"/>
      <c r="QS8" s="19"/>
      <c r="QT8" s="19"/>
      <c r="QU8" s="19"/>
      <c r="QV8" s="19"/>
      <c r="QW8" s="19"/>
      <c r="QX8" s="19"/>
      <c r="QY8" s="19"/>
      <c r="QZ8" s="19"/>
      <c r="RA8" s="19"/>
      <c r="RB8" s="19"/>
      <c r="RC8" s="19"/>
      <c r="RD8" s="19"/>
      <c r="RE8" s="19"/>
      <c r="RF8" s="19"/>
      <c r="RG8" s="19"/>
      <c r="RH8" s="19"/>
      <c r="RI8" s="19"/>
      <c r="RJ8" s="19"/>
      <c r="RK8" s="19"/>
      <c r="RL8" s="19"/>
      <c r="RM8" s="19"/>
      <c r="RN8" s="19"/>
      <c r="RO8" s="19"/>
      <c r="RP8" s="19"/>
      <c r="RQ8" s="19"/>
      <c r="RR8" s="19"/>
      <c r="RS8" s="19"/>
      <c r="RT8" s="19"/>
      <c r="RU8" s="19"/>
      <c r="RV8" s="19"/>
      <c r="RW8" s="19"/>
      <c r="RX8" s="19"/>
      <c r="RY8" s="19"/>
      <c r="RZ8" s="19"/>
      <c r="SA8" s="19"/>
      <c r="SB8" s="19"/>
      <c r="SC8" s="19"/>
      <c r="SD8" s="19"/>
      <c r="SE8" s="19"/>
      <c r="SF8" s="19"/>
      <c r="SG8" s="19"/>
      <c r="SH8" s="19"/>
      <c r="SI8" s="19"/>
      <c r="SJ8" s="19"/>
      <c r="SK8" s="19"/>
      <c r="SL8" s="19"/>
      <c r="SM8" s="19"/>
      <c r="SN8" s="19"/>
      <c r="SO8" s="19"/>
      <c r="SP8" s="19"/>
      <c r="SQ8" s="19"/>
      <c r="SR8" s="19"/>
      <c r="SS8" s="19"/>
      <c r="ST8" s="19"/>
      <c r="SU8" s="19"/>
      <c r="SV8" s="19"/>
      <c r="SW8" s="19"/>
      <c r="SX8" s="19"/>
      <c r="SY8" s="19"/>
      <c r="SZ8" s="19"/>
      <c r="TA8" s="19"/>
      <c r="TB8" s="19"/>
      <c r="TC8" s="19"/>
      <c r="TD8" s="19"/>
      <c r="TE8" s="19"/>
      <c r="TF8" s="19"/>
      <c r="TG8" s="19"/>
      <c r="TH8" s="19"/>
      <c r="TI8" s="19"/>
      <c r="TJ8" s="19"/>
      <c r="TK8" s="19"/>
      <c r="TL8" s="19"/>
      <c r="TM8" s="19"/>
      <c r="TN8" s="19"/>
      <c r="TO8" s="19"/>
      <c r="TP8" s="19"/>
      <c r="TQ8" s="19"/>
      <c r="TR8" s="19"/>
      <c r="TS8" s="19"/>
      <c r="TT8" s="19"/>
      <c r="TU8" s="19"/>
      <c r="TV8" s="19"/>
      <c r="TW8" s="19"/>
      <c r="TX8" s="19"/>
      <c r="TY8" s="19"/>
      <c r="TZ8" s="19"/>
      <c r="UA8" s="19"/>
      <c r="UB8" s="19"/>
      <c r="UC8" s="19"/>
      <c r="UD8" s="19"/>
      <c r="UE8" s="19"/>
      <c r="UF8" s="19"/>
      <c r="UG8" s="19"/>
      <c r="UH8" s="19"/>
      <c r="UI8" s="19"/>
      <c r="UJ8" s="19"/>
      <c r="UK8" s="19"/>
      <c r="UL8" s="19"/>
      <c r="UM8" s="19"/>
      <c r="UN8" s="19"/>
      <c r="UO8" s="19"/>
      <c r="UP8" s="19"/>
      <c r="UQ8" s="19"/>
      <c r="UR8" s="19"/>
      <c r="US8" s="19"/>
      <c r="UT8" s="19"/>
      <c r="UU8" s="19"/>
      <c r="UV8" s="19"/>
      <c r="UW8" s="19"/>
      <c r="UX8" s="19"/>
      <c r="UY8" s="19"/>
      <c r="UZ8" s="19"/>
      <c r="VA8" s="19"/>
      <c r="VB8" s="19"/>
      <c r="VC8" s="19"/>
      <c r="VD8" s="19"/>
      <c r="VE8" s="19"/>
      <c r="VF8" s="19"/>
      <c r="VG8" s="19"/>
      <c r="VH8" s="19"/>
      <c r="VI8" s="19"/>
      <c r="VJ8" s="19"/>
      <c r="VK8" s="19"/>
      <c r="VL8" s="19"/>
      <c r="VM8" s="19"/>
      <c r="VN8" s="19"/>
      <c r="VO8" s="19"/>
      <c r="VP8" s="19"/>
      <c r="VQ8" s="19"/>
      <c r="VR8" s="19"/>
      <c r="VS8" s="19"/>
      <c r="VT8" s="19"/>
      <c r="VU8" s="19"/>
      <c r="VV8" s="19"/>
      <c r="VW8" s="19"/>
      <c r="VX8" s="19"/>
      <c r="VY8" s="19"/>
      <c r="VZ8" s="19"/>
      <c r="WA8" s="19"/>
      <c r="WB8" s="19"/>
      <c r="WC8" s="19"/>
      <c r="WD8" s="19"/>
      <c r="WE8" s="19"/>
      <c r="WF8" s="19"/>
      <c r="WG8" s="19"/>
      <c r="WH8" s="19"/>
      <c r="WI8" s="19"/>
      <c r="WJ8" s="19"/>
      <c r="WK8" s="19"/>
      <c r="WL8" s="19"/>
      <c r="WM8" s="19"/>
      <c r="WN8" s="19"/>
      <c r="WO8" s="19"/>
      <c r="WP8" s="19"/>
      <c r="WQ8" s="19"/>
      <c r="WR8" s="19"/>
      <c r="WS8" s="19"/>
      <c r="WT8" s="19"/>
      <c r="WU8" s="19"/>
      <c r="WV8" s="19"/>
      <c r="WW8" s="19"/>
      <c r="WX8" s="19"/>
      <c r="WY8" s="19"/>
      <c r="WZ8" s="19"/>
      <c r="XA8" s="19"/>
      <c r="XB8" s="19"/>
      <c r="XC8" s="19"/>
      <c r="XD8" s="19"/>
      <c r="XE8" s="19"/>
      <c r="XF8" s="19"/>
      <c r="XG8" s="19"/>
      <c r="XH8" s="19"/>
      <c r="XI8" s="19"/>
      <c r="XJ8" s="19"/>
      <c r="XK8" s="19"/>
      <c r="XL8" s="19"/>
      <c r="XM8" s="19"/>
      <c r="XN8" s="19"/>
      <c r="XO8" s="19"/>
      <c r="XP8" s="19"/>
      <c r="XQ8" s="19"/>
      <c r="XR8" s="19"/>
      <c r="XS8" s="19"/>
      <c r="XT8" s="19"/>
      <c r="XU8" s="19"/>
      <c r="XV8" s="19"/>
      <c r="XW8" s="19"/>
      <c r="XX8" s="19"/>
      <c r="XY8" s="19"/>
      <c r="XZ8" s="19"/>
      <c r="YA8" s="19"/>
      <c r="YB8" s="19"/>
      <c r="YC8" s="19"/>
      <c r="YD8" s="19"/>
      <c r="YE8" s="19"/>
      <c r="YF8" s="19"/>
      <c r="YG8" s="19"/>
      <c r="YH8" s="19"/>
      <c r="YI8" s="19"/>
      <c r="YJ8" s="19"/>
      <c r="YK8" s="19"/>
      <c r="YL8" s="19"/>
      <c r="YM8" s="19"/>
      <c r="YN8" s="19"/>
      <c r="YO8" s="19"/>
      <c r="YP8" s="19"/>
      <c r="YQ8" s="19"/>
      <c r="YR8" s="19"/>
      <c r="YS8" s="19"/>
      <c r="YT8" s="19"/>
      <c r="YU8" s="19"/>
      <c r="YV8" s="19"/>
      <c r="YW8" s="19"/>
      <c r="YX8" s="19"/>
      <c r="YY8" s="19"/>
      <c r="YZ8" s="19"/>
      <c r="ZA8" s="19"/>
      <c r="ZB8" s="19"/>
      <c r="ZC8" s="19"/>
      <c r="ZD8" s="19"/>
      <c r="ZE8" s="19"/>
      <c r="ZF8" s="19"/>
      <c r="ZG8" s="19"/>
      <c r="ZH8" s="19"/>
      <c r="ZI8" s="19"/>
      <c r="ZJ8" s="19"/>
      <c r="ZK8" s="19"/>
      <c r="ZL8" s="19"/>
      <c r="ZM8" s="19"/>
      <c r="ZN8" s="19"/>
      <c r="ZO8" s="19"/>
      <c r="ZP8" s="19"/>
      <c r="ZQ8" s="19"/>
      <c r="ZR8" s="19"/>
      <c r="ZS8" s="19"/>
      <c r="ZT8" s="19"/>
      <c r="ZU8" s="19"/>
      <c r="ZV8" s="19"/>
      <c r="ZW8" s="19"/>
      <c r="ZX8" s="19"/>
      <c r="ZY8" s="19"/>
      <c r="ZZ8" s="19"/>
      <c r="AAA8" s="19"/>
      <c r="AAB8" s="19"/>
      <c r="AAC8" s="19"/>
      <c r="AAD8" s="19"/>
      <c r="AAE8" s="19"/>
      <c r="AAF8" s="19"/>
      <c r="AAG8" s="19"/>
      <c r="AAH8" s="19"/>
      <c r="AAI8" s="19"/>
      <c r="AAJ8" s="19"/>
      <c r="AAK8" s="19"/>
      <c r="AAL8" s="19"/>
      <c r="AAM8" s="19"/>
      <c r="AAN8" s="19"/>
      <c r="AAO8" s="19"/>
      <c r="AAP8" s="19"/>
      <c r="AAQ8" s="19"/>
      <c r="AAR8" s="19"/>
      <c r="AAS8" s="19"/>
      <c r="AAT8" s="19"/>
      <c r="AAU8" s="19"/>
      <c r="AAV8" s="19"/>
      <c r="AAW8" s="19"/>
      <c r="AAX8" s="19"/>
      <c r="AAY8" s="19"/>
      <c r="AAZ8" s="19"/>
      <c r="ABA8" s="19"/>
      <c r="ABB8" s="19"/>
      <c r="ABC8" s="19"/>
      <c r="ABD8" s="19"/>
      <c r="ABE8" s="19"/>
      <c r="ABF8" s="19"/>
      <c r="ABG8" s="19"/>
      <c r="ABH8" s="19"/>
      <c r="ABI8" s="19"/>
      <c r="ABJ8" s="19"/>
      <c r="ABK8" s="19"/>
      <c r="ABL8" s="19"/>
      <c r="ABM8" s="19"/>
      <c r="ABN8" s="19"/>
      <c r="ABO8" s="19"/>
      <c r="ABP8" s="19"/>
      <c r="ABQ8" s="19"/>
      <c r="ABR8" s="19"/>
      <c r="ABS8" s="19"/>
      <c r="ABT8" s="19"/>
      <c r="ABU8" s="19"/>
      <c r="ABV8" s="19"/>
      <c r="ABW8" s="19"/>
      <c r="ABX8" s="19"/>
      <c r="ABY8" s="19"/>
      <c r="ABZ8" s="19"/>
      <c r="ACA8" s="19"/>
      <c r="ACB8" s="19"/>
      <c r="ACC8" s="19"/>
      <c r="ACD8" s="19"/>
      <c r="ACE8" s="19"/>
      <c r="ACF8" s="19"/>
      <c r="ACG8" s="19"/>
      <c r="ACH8" s="19"/>
      <c r="ACI8" s="19"/>
      <c r="ACJ8" s="19"/>
      <c r="ACK8" s="19"/>
      <c r="ACL8" s="19"/>
      <c r="ACM8" s="19"/>
      <c r="ACN8" s="19"/>
      <c r="ACO8" s="19"/>
      <c r="ACP8" s="19"/>
      <c r="ACQ8" s="19"/>
      <c r="ACR8" s="19"/>
      <c r="ACS8" s="19"/>
      <c r="ACT8" s="19"/>
      <c r="ACU8" s="19"/>
      <c r="ACV8" s="19"/>
      <c r="ACW8" s="19"/>
      <c r="ACX8" s="19"/>
      <c r="ACY8" s="19"/>
      <c r="ACZ8" s="19"/>
      <c r="ADA8" s="19"/>
      <c r="ADB8" s="19"/>
      <c r="ADC8" s="19"/>
      <c r="ADD8" s="19"/>
      <c r="ADE8" s="19"/>
      <c r="ADF8" s="19"/>
      <c r="ADG8" s="19"/>
      <c r="ADH8" s="19"/>
      <c r="ADI8" s="19"/>
      <c r="ADJ8" s="19"/>
      <c r="ADK8" s="19"/>
      <c r="ADL8" s="19"/>
      <c r="ADM8" s="19"/>
      <c r="ADN8" s="19"/>
      <c r="ADO8" s="19"/>
      <c r="ADP8" s="19"/>
      <c r="ADQ8" s="19"/>
      <c r="ADR8" s="19"/>
      <c r="ADS8" s="19"/>
      <c r="ADT8" s="19"/>
      <c r="ADU8" s="19"/>
      <c r="ADV8" s="19"/>
      <c r="ADW8" s="19"/>
      <c r="ADX8" s="19"/>
      <c r="ADY8" s="19"/>
      <c r="ADZ8" s="19"/>
      <c r="AEA8" s="19"/>
      <c r="AEB8" s="19"/>
      <c r="AEC8" s="19"/>
      <c r="AED8" s="19"/>
      <c r="AEE8" s="19"/>
      <c r="AEF8" s="19"/>
      <c r="AEG8" s="19"/>
      <c r="AEH8" s="19"/>
      <c r="AEI8" s="19"/>
      <c r="AEJ8" s="19"/>
      <c r="AEK8" s="19"/>
      <c r="AEL8" s="19"/>
      <c r="AEM8" s="19"/>
      <c r="AEN8" s="19"/>
      <c r="AEO8" s="19"/>
      <c r="AEP8" s="19"/>
      <c r="AEQ8" s="19"/>
      <c r="AER8" s="19"/>
      <c r="AES8" s="19"/>
      <c r="AET8" s="19"/>
      <c r="AEU8" s="19"/>
      <c r="AEV8" s="19"/>
      <c r="AEW8" s="19"/>
      <c r="AEX8" s="19"/>
      <c r="AEY8" s="19"/>
      <c r="AEZ8" s="19"/>
      <c r="AFA8" s="19"/>
      <c r="AFB8" s="19"/>
      <c r="AFC8" s="19"/>
      <c r="AFD8" s="19"/>
      <c r="AFE8" s="19"/>
      <c r="AFF8" s="19"/>
      <c r="AFG8" s="19"/>
      <c r="AFH8" s="19"/>
      <c r="AFI8" s="19"/>
      <c r="AFJ8" s="19"/>
      <c r="AFK8" s="19"/>
      <c r="AFL8" s="19"/>
      <c r="AFM8" s="19"/>
      <c r="AFN8" s="19"/>
      <c r="AFO8" s="19"/>
      <c r="AFP8" s="19"/>
      <c r="AFQ8" s="19"/>
      <c r="AFR8" s="19"/>
      <c r="AFS8" s="19"/>
      <c r="AFT8" s="19"/>
      <c r="AFU8" s="19"/>
      <c r="AFV8" s="19"/>
      <c r="AFW8" s="19"/>
      <c r="AFX8" s="19"/>
      <c r="AFY8" s="19"/>
      <c r="AFZ8" s="19"/>
      <c r="AGA8" s="19"/>
      <c r="AGB8" s="19"/>
      <c r="AGC8" s="19"/>
      <c r="AGD8" s="19"/>
      <c r="AGE8" s="19"/>
      <c r="AGF8" s="19"/>
      <c r="AGG8" s="19"/>
      <c r="AGH8" s="19"/>
      <c r="AGI8" s="19"/>
      <c r="AGJ8" s="19"/>
      <c r="AGK8" s="19"/>
      <c r="AGL8" s="19"/>
      <c r="AGM8" s="19"/>
      <c r="AGN8" s="19"/>
      <c r="AGO8" s="19"/>
      <c r="AGP8" s="19"/>
      <c r="AGQ8" s="19"/>
      <c r="AGR8" s="19"/>
      <c r="AGS8" s="19"/>
      <c r="AGT8" s="19"/>
      <c r="AGU8" s="19"/>
      <c r="AGV8" s="19"/>
      <c r="AGW8" s="19"/>
      <c r="AGX8" s="19"/>
      <c r="AGY8" s="19"/>
      <c r="AGZ8" s="19"/>
      <c r="AHA8" s="19"/>
      <c r="AHB8" s="19"/>
      <c r="AHC8" s="19"/>
      <c r="AHD8" s="19"/>
      <c r="AHE8" s="19"/>
      <c r="AHF8" s="19"/>
      <c r="AHG8" s="19"/>
      <c r="AHH8" s="19"/>
      <c r="AHI8" s="19"/>
      <c r="AHJ8" s="19"/>
      <c r="AHK8" s="19"/>
      <c r="AHL8" s="19"/>
      <c r="AHM8" s="19"/>
      <c r="AHN8" s="19"/>
      <c r="AHO8" s="19"/>
      <c r="AHP8" s="19"/>
      <c r="AHQ8" s="19"/>
      <c r="AHR8" s="19"/>
      <c r="AHS8" s="19"/>
      <c r="AHT8" s="19"/>
      <c r="AHU8" s="19"/>
      <c r="AHV8" s="19"/>
      <c r="AHW8" s="19"/>
      <c r="AHX8" s="19"/>
      <c r="AHY8" s="19"/>
      <c r="AHZ8" s="19"/>
      <c r="AIA8" s="19"/>
      <c r="AIB8" s="19"/>
      <c r="AIC8" s="19"/>
      <c r="AID8" s="19"/>
      <c r="AIE8" s="19"/>
      <c r="AIF8" s="19"/>
      <c r="AIG8" s="19"/>
      <c r="AIH8" s="19"/>
      <c r="AII8" s="19"/>
      <c r="AIJ8" s="19"/>
      <c r="AIK8" s="19"/>
      <c r="AIL8" s="19"/>
      <c r="AIM8" s="19"/>
      <c r="AIN8" s="19"/>
      <c r="AIO8" s="19"/>
      <c r="AIP8" s="19"/>
      <c r="AIQ8" s="19"/>
      <c r="AIR8" s="19"/>
      <c r="AIS8" s="19"/>
      <c r="AIT8" s="19"/>
      <c r="AIU8" s="19"/>
      <c r="AIV8" s="19"/>
      <c r="AIW8" s="19"/>
      <c r="AIX8" s="19"/>
      <c r="AIY8" s="19"/>
      <c r="AIZ8" s="19"/>
      <c r="AJA8" s="19"/>
      <c r="AJB8" s="19"/>
      <c r="AJC8" s="19"/>
      <c r="AJD8" s="19"/>
      <c r="AJE8" s="19"/>
      <c r="AJF8" s="19"/>
      <c r="AJG8" s="19"/>
      <c r="AJH8" s="19"/>
      <c r="AJI8" s="19"/>
      <c r="AJJ8" s="19"/>
      <c r="AJK8" s="19"/>
      <c r="AJL8" s="19"/>
      <c r="AJM8" s="19"/>
      <c r="AJN8" s="19"/>
      <c r="AJO8" s="19"/>
      <c r="AJP8" s="19"/>
      <c r="AJQ8" s="19"/>
      <c r="AJR8" s="19"/>
      <c r="AJS8" s="19"/>
      <c r="AJT8" s="19"/>
      <c r="AJU8" s="19"/>
      <c r="AJV8" s="19"/>
      <c r="AJW8" s="19"/>
      <c r="AJX8" s="19"/>
      <c r="AJY8" s="19"/>
      <c r="AJZ8" s="19"/>
      <c r="AKA8" s="19"/>
      <c r="AKB8" s="19"/>
      <c r="AKC8" s="19"/>
      <c r="AKD8" s="19"/>
      <c r="AKE8" s="19"/>
      <c r="AKF8" s="19"/>
      <c r="AKG8" s="19"/>
      <c r="AKH8" s="19"/>
      <c r="AKI8" s="19"/>
      <c r="AKJ8" s="19"/>
      <c r="AKK8" s="19"/>
      <c r="AKL8" s="19"/>
      <c r="AKM8" s="19"/>
      <c r="AKN8" s="19"/>
      <c r="AKO8" s="19"/>
      <c r="AKP8" s="19"/>
      <c r="AKQ8" s="19"/>
      <c r="AKR8" s="19"/>
      <c r="AKS8" s="19"/>
      <c r="AKT8" s="19"/>
      <c r="AKU8" s="19"/>
      <c r="AKV8" s="19"/>
      <c r="AKW8" s="19"/>
      <c r="AKX8" s="19"/>
      <c r="AKY8" s="19"/>
      <c r="AKZ8" s="19"/>
      <c r="ALA8" s="19"/>
      <c r="ALB8" s="19"/>
      <c r="ALC8" s="19"/>
      <c r="ALD8" s="19"/>
      <c r="ALE8" s="19"/>
      <c r="ALF8" s="19"/>
      <c r="ALG8" s="19"/>
      <c r="ALH8" s="19"/>
      <c r="ALI8" s="19"/>
      <c r="ALJ8" s="19"/>
      <c r="ALK8" s="19"/>
      <c r="ALL8" s="19"/>
      <c r="ALM8" s="19"/>
      <c r="ALN8" s="19"/>
      <c r="ALO8" s="19"/>
      <c r="ALP8" s="19"/>
      <c r="ALQ8" s="19"/>
      <c r="ALR8" s="19"/>
      <c r="ALS8" s="19"/>
      <c r="ALT8" s="19"/>
      <c r="ALU8" s="19"/>
      <c r="ALV8" s="19"/>
      <c r="ALW8" s="19"/>
      <c r="ALX8" s="19"/>
      <c r="ALY8" s="19"/>
      <c r="ALZ8" s="19"/>
      <c r="AMA8" s="19"/>
      <c r="AMB8" s="19"/>
      <c r="AMC8" s="19"/>
      <c r="AMD8" s="19"/>
      <c r="AME8" s="19"/>
      <c r="AMF8" s="19"/>
      <c r="AMG8" s="19"/>
      <c r="AMH8" s="19"/>
      <c r="AMI8" s="19"/>
      <c r="AMJ8" s="19"/>
      <c r="AMK8" s="19"/>
      <c r="AML8" s="19"/>
      <c r="AMM8" s="19"/>
      <c r="AMN8" s="19"/>
      <c r="AMO8" s="19"/>
      <c r="AMP8" s="19"/>
      <c r="AMQ8" s="19"/>
      <c r="AMR8" s="19"/>
      <c r="AMS8" s="19"/>
      <c r="AMT8" s="19"/>
      <c r="AMU8" s="19"/>
      <c r="AMV8" s="19"/>
      <c r="AMW8" s="19"/>
      <c r="AMX8" s="19"/>
      <c r="AMY8" s="19"/>
      <c r="AMZ8" s="19"/>
      <c r="ANA8" s="19"/>
      <c r="ANB8" s="19"/>
      <c r="ANC8" s="19"/>
      <c r="AND8" s="19"/>
      <c r="ANE8" s="19"/>
      <c r="ANF8" s="19"/>
      <c r="ANG8" s="19"/>
      <c r="ANH8" s="19"/>
      <c r="ANI8" s="19"/>
      <c r="ANJ8" s="19"/>
      <c r="ANK8" s="19"/>
      <c r="ANL8" s="19"/>
      <c r="ANM8" s="19"/>
      <c r="ANN8" s="19"/>
      <c r="ANO8" s="19"/>
      <c r="ANP8" s="19"/>
      <c r="ANQ8" s="19"/>
      <c r="ANR8" s="19"/>
      <c r="ANS8" s="19"/>
      <c r="ANT8" s="19"/>
      <c r="ANU8" s="19"/>
      <c r="ANV8" s="19"/>
      <c r="ANW8" s="19"/>
      <c r="ANX8" s="19"/>
      <c r="ANY8" s="19"/>
      <c r="ANZ8" s="19"/>
      <c r="AOA8" s="19"/>
      <c r="AOB8" s="19"/>
      <c r="AOC8" s="19"/>
      <c r="AOD8" s="19"/>
      <c r="AOE8" s="19"/>
      <c r="AOF8" s="19"/>
      <c r="AOG8" s="19"/>
      <c r="AOH8" s="19"/>
      <c r="AOI8" s="19"/>
      <c r="AOJ8" s="19"/>
      <c r="AOK8" s="19"/>
      <c r="AOL8" s="19"/>
      <c r="AOM8" s="19"/>
      <c r="AON8" s="19"/>
      <c r="AOO8" s="19"/>
      <c r="AOP8" s="19"/>
      <c r="AOQ8" s="19"/>
      <c r="AOR8" s="19"/>
      <c r="AOS8" s="19"/>
      <c r="AOT8" s="19"/>
      <c r="AOU8" s="19"/>
      <c r="AOV8" s="19"/>
      <c r="AOW8" s="19"/>
      <c r="AOX8" s="19"/>
      <c r="AOY8" s="19"/>
      <c r="AOZ8" s="19"/>
      <c r="APA8" s="19"/>
      <c r="APB8" s="19"/>
      <c r="APC8" s="19"/>
      <c r="APD8" s="19"/>
      <c r="APE8" s="19"/>
      <c r="APF8" s="19"/>
      <c r="APG8" s="19"/>
      <c r="APH8" s="19"/>
      <c r="API8" s="19"/>
      <c r="APJ8" s="19"/>
      <c r="APK8" s="19"/>
      <c r="APL8" s="19"/>
      <c r="APM8" s="19"/>
      <c r="APN8" s="19"/>
      <c r="APO8" s="19"/>
      <c r="APP8" s="19"/>
      <c r="APQ8" s="19"/>
      <c r="APR8" s="19"/>
      <c r="APS8" s="19"/>
      <c r="APT8" s="19"/>
      <c r="APU8" s="19"/>
      <c r="APV8" s="19"/>
      <c r="APW8" s="19"/>
      <c r="APX8" s="19"/>
      <c r="APY8" s="19"/>
      <c r="APZ8" s="19"/>
      <c r="AQA8" s="19"/>
      <c r="AQB8" s="19"/>
      <c r="AQC8" s="19"/>
      <c r="AQD8" s="19"/>
      <c r="AQE8" s="19"/>
      <c r="AQF8" s="19"/>
      <c r="AQG8" s="19"/>
      <c r="AQH8" s="19"/>
      <c r="AQI8" s="19"/>
      <c r="AQJ8" s="19"/>
      <c r="AQK8" s="19"/>
      <c r="AQL8" s="19"/>
      <c r="AQM8" s="19"/>
      <c r="AQN8" s="19"/>
      <c r="AQO8" s="19"/>
      <c r="AQP8" s="19"/>
      <c r="AQQ8" s="19"/>
      <c r="AQR8" s="19"/>
      <c r="AQS8" s="19"/>
      <c r="AQT8" s="19"/>
      <c r="AQU8" s="19"/>
      <c r="AQV8" s="19"/>
      <c r="AQW8" s="19"/>
      <c r="AQX8" s="19"/>
      <c r="AQY8" s="19"/>
      <c r="AQZ8" s="19"/>
      <c r="ARA8" s="19"/>
      <c r="ARB8" s="19"/>
      <c r="ARC8" s="19"/>
      <c r="ARD8" s="19"/>
      <c r="ARE8" s="19"/>
      <c r="ARF8" s="19"/>
      <c r="ARG8" s="19"/>
      <c r="ARH8" s="19"/>
      <c r="ARI8" s="19"/>
      <c r="ARJ8" s="19"/>
      <c r="ARK8" s="19"/>
      <c r="ARL8" s="19"/>
      <c r="ARM8" s="19"/>
      <c r="ARN8" s="19"/>
      <c r="ARO8" s="19"/>
      <c r="ARP8" s="19"/>
      <c r="ARQ8" s="19"/>
      <c r="ARR8" s="19"/>
      <c r="ARS8" s="19"/>
      <c r="ART8" s="19"/>
      <c r="ARU8" s="19"/>
      <c r="ARV8" s="19"/>
      <c r="ARW8" s="19"/>
      <c r="ARX8" s="19"/>
      <c r="ARY8" s="19"/>
      <c r="ARZ8" s="19"/>
      <c r="ASA8" s="19"/>
      <c r="ASB8" s="19"/>
      <c r="ASC8" s="19"/>
      <c r="ASD8" s="19"/>
      <c r="ASE8" s="19"/>
      <c r="ASF8" s="19"/>
      <c r="ASG8" s="19"/>
      <c r="ASH8" s="19"/>
      <c r="ASI8" s="19"/>
      <c r="ASJ8" s="19"/>
      <c r="ASK8" s="19"/>
      <c r="ASL8" s="19"/>
      <c r="ASM8" s="19"/>
      <c r="ASN8" s="19"/>
      <c r="ASO8" s="19"/>
      <c r="ASP8" s="19"/>
      <c r="ASQ8" s="19"/>
      <c r="ASR8" s="19"/>
      <c r="ASS8" s="19"/>
      <c r="AST8" s="19"/>
      <c r="ASU8" s="19"/>
      <c r="ASV8" s="19"/>
      <c r="ASW8" s="19"/>
      <c r="ASX8" s="19"/>
      <c r="ASY8" s="19"/>
      <c r="ASZ8" s="19"/>
      <c r="ATA8" s="19"/>
      <c r="ATB8" s="19"/>
      <c r="ATC8" s="19"/>
      <c r="ATD8" s="19"/>
      <c r="ATE8" s="19"/>
      <c r="ATF8" s="19"/>
      <c r="ATG8" s="19"/>
      <c r="ATH8" s="19"/>
      <c r="ATI8" s="19"/>
      <c r="ATJ8" s="19"/>
      <c r="ATK8" s="19"/>
      <c r="ATL8" s="19"/>
      <c r="ATM8" s="19"/>
      <c r="ATN8" s="19"/>
      <c r="ATO8" s="19"/>
      <c r="ATP8" s="19"/>
      <c r="ATQ8" s="19"/>
      <c r="ATR8" s="19"/>
      <c r="ATS8" s="19"/>
      <c r="ATT8" s="19"/>
      <c r="ATU8" s="19"/>
      <c r="ATV8" s="19"/>
      <c r="ATW8" s="19"/>
      <c r="ATX8" s="19"/>
      <c r="ATY8" s="19"/>
      <c r="ATZ8" s="19"/>
      <c r="AUA8" s="19"/>
      <c r="AUB8" s="19"/>
      <c r="AUC8" s="19"/>
      <c r="AUD8" s="19"/>
      <c r="AUE8" s="19"/>
      <c r="AUF8" s="19"/>
      <c r="AUG8" s="19"/>
      <c r="AUH8" s="19"/>
      <c r="AUI8" s="19"/>
      <c r="AUJ8" s="19"/>
      <c r="AUK8" s="19"/>
      <c r="AUL8" s="19"/>
      <c r="AUM8" s="19"/>
      <c r="AUN8" s="19"/>
      <c r="AUO8" s="19"/>
      <c r="AUP8" s="19"/>
      <c r="AUQ8" s="19"/>
      <c r="AUR8" s="19"/>
      <c r="AUS8" s="19"/>
      <c r="AUT8" s="19"/>
      <c r="AUU8" s="19"/>
      <c r="AUV8" s="19"/>
      <c r="AUW8" s="19"/>
      <c r="AUX8" s="19"/>
      <c r="AUY8" s="19"/>
      <c r="AUZ8" s="19"/>
      <c r="AVA8" s="19"/>
      <c r="AVB8" s="19"/>
      <c r="AVC8" s="19"/>
      <c r="AVD8" s="19"/>
      <c r="AVE8" s="19"/>
      <c r="AVF8" s="19"/>
      <c r="AVG8" s="19"/>
      <c r="AVH8" s="19"/>
      <c r="AVI8" s="19"/>
      <c r="AVJ8" s="19"/>
      <c r="AVK8" s="19"/>
      <c r="AVL8" s="19"/>
      <c r="AVM8" s="19"/>
      <c r="AVN8" s="19"/>
      <c r="AVO8" s="19"/>
      <c r="AVP8" s="19"/>
      <c r="AVQ8" s="19"/>
      <c r="AVR8" s="19"/>
      <c r="AVS8" s="19"/>
      <c r="AVT8" s="19"/>
      <c r="AVU8" s="19"/>
      <c r="AVV8" s="19"/>
      <c r="AVW8" s="19"/>
      <c r="AVX8" s="19"/>
      <c r="AVY8" s="19"/>
      <c r="AVZ8" s="19"/>
      <c r="AWA8" s="19"/>
      <c r="AWB8" s="19"/>
      <c r="AWC8" s="19"/>
      <c r="AWD8" s="19"/>
      <c r="AWE8" s="19"/>
      <c r="AWF8" s="19"/>
      <c r="AWG8" s="19"/>
      <c r="AWH8" s="19"/>
      <c r="AWI8" s="19"/>
      <c r="AWJ8" s="19"/>
      <c r="AWK8" s="19"/>
      <c r="AWL8" s="19"/>
      <c r="AWM8" s="19"/>
      <c r="AWN8" s="19"/>
      <c r="AWO8" s="19"/>
      <c r="AWP8" s="19"/>
      <c r="AWQ8" s="19"/>
      <c r="AWR8" s="19"/>
      <c r="AWS8" s="19"/>
      <c r="AWT8" s="19"/>
      <c r="AWU8" s="19"/>
      <c r="AWV8" s="19"/>
      <c r="AWW8" s="19"/>
      <c r="AWX8" s="19"/>
      <c r="AWY8" s="19"/>
      <c r="AWZ8" s="19"/>
      <c r="AXA8" s="19"/>
      <c r="AXB8" s="19"/>
      <c r="AXC8" s="19"/>
      <c r="AXD8" s="19"/>
      <c r="AXE8" s="19"/>
      <c r="AXF8" s="19"/>
      <c r="AXG8" s="19"/>
      <c r="AXH8" s="19"/>
      <c r="AXI8" s="19"/>
      <c r="AXJ8" s="19"/>
      <c r="AXK8" s="19"/>
      <c r="AXL8" s="19"/>
      <c r="AXM8" s="19"/>
      <c r="AXN8" s="19"/>
      <c r="AXO8" s="19"/>
      <c r="AXP8" s="19"/>
      <c r="AXQ8" s="19"/>
      <c r="AXR8" s="19"/>
      <c r="AXS8" s="19"/>
      <c r="AXT8" s="19"/>
      <c r="AXU8" s="19"/>
      <c r="AXV8" s="19"/>
      <c r="AXW8" s="19"/>
      <c r="AXX8" s="19"/>
      <c r="AXY8" s="19"/>
      <c r="AXZ8" s="19"/>
      <c r="AYA8" s="19"/>
      <c r="AYB8" s="19"/>
      <c r="AYC8" s="19"/>
      <c r="AYD8" s="19"/>
      <c r="AYE8" s="19"/>
      <c r="AYF8" s="19"/>
      <c r="AYG8" s="19"/>
      <c r="AYH8" s="19"/>
      <c r="AYI8" s="19"/>
      <c r="AYJ8" s="19"/>
      <c r="AYK8" s="19"/>
      <c r="AYL8" s="19"/>
      <c r="AYM8" s="19"/>
      <c r="AYN8" s="19"/>
      <c r="AYO8" s="19"/>
      <c r="AYP8" s="19"/>
      <c r="AYQ8" s="19"/>
      <c r="AYR8" s="19"/>
      <c r="AYS8" s="19"/>
      <c r="AYT8" s="19"/>
      <c r="AYU8" s="19"/>
      <c r="AYV8" s="19"/>
      <c r="AYW8" s="19"/>
      <c r="AYX8" s="19"/>
      <c r="AYY8" s="19"/>
      <c r="AYZ8" s="19"/>
      <c r="AZA8" s="19"/>
      <c r="AZB8" s="19"/>
      <c r="AZC8" s="19"/>
      <c r="AZD8" s="19"/>
      <c r="AZE8" s="19"/>
      <c r="AZF8" s="19"/>
      <c r="AZG8" s="19"/>
      <c r="AZH8" s="19"/>
      <c r="AZI8" s="19"/>
      <c r="AZJ8" s="19"/>
      <c r="AZK8" s="19"/>
      <c r="AZL8" s="19"/>
      <c r="AZM8" s="19"/>
      <c r="AZN8" s="19"/>
      <c r="AZO8" s="19"/>
      <c r="AZP8" s="19"/>
      <c r="AZQ8" s="19"/>
      <c r="AZR8" s="19"/>
      <c r="AZS8" s="19"/>
      <c r="AZT8" s="19"/>
      <c r="AZU8" s="19"/>
      <c r="AZV8" s="19"/>
      <c r="AZW8" s="19"/>
      <c r="AZX8" s="19"/>
      <c r="AZY8" s="19"/>
      <c r="AZZ8" s="19"/>
      <c r="BAA8" s="19"/>
      <c r="BAB8" s="19"/>
      <c r="BAC8" s="19"/>
      <c r="BAD8" s="19"/>
      <c r="BAE8" s="19"/>
      <c r="BAF8" s="19"/>
      <c r="BAG8" s="19"/>
      <c r="BAH8" s="19"/>
      <c r="BAI8" s="19"/>
      <c r="BAJ8" s="19"/>
      <c r="BAK8" s="19"/>
      <c r="BAL8" s="19"/>
      <c r="BAM8" s="19"/>
      <c r="BAN8" s="19"/>
      <c r="BAO8" s="19"/>
      <c r="BAP8" s="19"/>
      <c r="BAQ8" s="19"/>
      <c r="BAR8" s="19"/>
      <c r="BAS8" s="19"/>
      <c r="BAT8" s="19"/>
      <c r="BAU8" s="19"/>
      <c r="BAV8" s="19"/>
      <c r="BAW8" s="19"/>
      <c r="BAX8" s="19"/>
      <c r="BAY8" s="19"/>
      <c r="BAZ8" s="19"/>
      <c r="BBA8" s="19"/>
      <c r="BBB8" s="19"/>
      <c r="BBC8" s="19"/>
      <c r="BBD8" s="19"/>
      <c r="BBE8" s="19"/>
      <c r="BBF8" s="19"/>
      <c r="BBG8" s="19"/>
      <c r="BBH8" s="19"/>
      <c r="BBI8" s="19"/>
      <c r="BBJ8" s="19"/>
      <c r="BBK8" s="19"/>
      <c r="BBL8" s="19"/>
      <c r="BBM8" s="19"/>
      <c r="BBN8" s="19"/>
    </row>
    <row r="9" spans="1:1418" s="20" customFormat="1" ht="15" customHeight="1" x14ac:dyDescent="0.2">
      <c r="A9" s="94" t="s">
        <v>1</v>
      </c>
      <c r="B9" s="1"/>
      <c r="C9" s="162"/>
      <c r="D9" s="163"/>
      <c r="E9" s="164"/>
      <c r="F9" s="1"/>
      <c r="G9" s="1"/>
      <c r="H9" s="1"/>
      <c r="I9" s="1"/>
      <c r="J9" s="92"/>
      <c r="K9" s="19"/>
      <c r="L9" s="19"/>
      <c r="M9" s="19"/>
      <c r="N9" s="19"/>
      <c r="O9" s="19"/>
      <c r="P9" s="19"/>
      <c r="Q9" s="19"/>
      <c r="R9" s="19"/>
      <c r="S9" s="19"/>
      <c r="T9" s="19"/>
      <c r="U9" s="19"/>
      <c r="V9" s="19"/>
      <c r="W9" s="19"/>
      <c r="X9" s="19"/>
      <c r="Y9" s="19"/>
      <c r="Z9" s="19"/>
      <c r="AA9" s="19"/>
      <c r="AB9" s="19"/>
      <c r="AC9" s="19"/>
      <c r="AD9" s="19"/>
      <c r="AE9" s="19"/>
      <c r="AF9" s="19"/>
      <c r="AG9" s="19"/>
      <c r="AH9" s="19"/>
      <c r="AI9" s="19"/>
      <c r="AJ9" s="19"/>
      <c r="AK9" s="19"/>
      <c r="AL9" s="19"/>
      <c r="AM9" s="19"/>
      <c r="AN9" s="19"/>
      <c r="AO9" s="19"/>
      <c r="AP9" s="19"/>
      <c r="AQ9" s="19"/>
      <c r="AR9" s="19"/>
      <c r="AS9" s="19"/>
      <c r="AT9" s="19"/>
      <c r="AU9" s="19"/>
      <c r="AV9" s="19"/>
      <c r="AW9" s="19"/>
      <c r="AX9" s="19"/>
      <c r="AY9" s="19"/>
      <c r="AZ9" s="19"/>
      <c r="BA9" s="19"/>
      <c r="BB9" s="19"/>
      <c r="BC9" s="19"/>
      <c r="BD9" s="19"/>
      <c r="BE9" s="19"/>
      <c r="BF9" s="19"/>
      <c r="BG9" s="19"/>
      <c r="BH9" s="19"/>
      <c r="BI9" s="19"/>
      <c r="BJ9" s="19"/>
      <c r="BK9" s="19"/>
      <c r="BL9" s="19"/>
      <c r="BM9" s="19"/>
      <c r="BN9" s="19"/>
      <c r="BO9" s="19"/>
      <c r="BP9" s="19"/>
      <c r="BQ9" s="19"/>
      <c r="BR9" s="19"/>
      <c r="BS9" s="19"/>
      <c r="BT9" s="19"/>
      <c r="BU9" s="19"/>
      <c r="BV9" s="19"/>
      <c r="BW9" s="19"/>
      <c r="BX9" s="19"/>
      <c r="BY9" s="19"/>
      <c r="BZ9" s="19"/>
      <c r="CA9" s="19"/>
      <c r="CB9" s="19"/>
      <c r="CC9" s="19"/>
      <c r="CD9" s="19"/>
      <c r="CE9" s="19"/>
      <c r="CF9" s="19"/>
      <c r="CG9" s="19"/>
      <c r="CH9" s="19"/>
      <c r="CI9" s="19"/>
      <c r="CJ9" s="19"/>
      <c r="CK9" s="19"/>
      <c r="CL9" s="19"/>
      <c r="CM9" s="19"/>
      <c r="CN9" s="19"/>
      <c r="CO9" s="19"/>
      <c r="CP9" s="19"/>
      <c r="CQ9" s="19"/>
      <c r="CR9" s="19"/>
      <c r="CS9" s="19"/>
      <c r="CT9" s="19"/>
      <c r="CU9" s="19"/>
      <c r="CV9" s="19"/>
      <c r="CW9" s="19"/>
      <c r="CX9" s="19"/>
      <c r="CY9" s="19"/>
      <c r="CZ9" s="19"/>
      <c r="DA9" s="19"/>
      <c r="DB9" s="19"/>
      <c r="DC9" s="19"/>
      <c r="DD9" s="19"/>
      <c r="DE9" s="19"/>
      <c r="DF9" s="19"/>
      <c r="DG9" s="19"/>
      <c r="DH9" s="19"/>
      <c r="DI9" s="19"/>
      <c r="DJ9" s="19"/>
      <c r="DK9" s="19"/>
      <c r="DL9" s="19"/>
      <c r="DM9" s="19"/>
      <c r="DN9" s="19"/>
      <c r="DO9" s="19"/>
      <c r="DP9" s="19"/>
      <c r="DQ9" s="19"/>
      <c r="DR9" s="19"/>
      <c r="DS9" s="19"/>
      <c r="DT9" s="19"/>
      <c r="DU9" s="19"/>
      <c r="DV9" s="19"/>
      <c r="DW9" s="19"/>
      <c r="DX9" s="19"/>
      <c r="DY9" s="19"/>
      <c r="DZ9" s="19"/>
      <c r="EA9" s="19"/>
      <c r="EB9" s="19"/>
      <c r="EC9" s="19"/>
      <c r="ED9" s="19"/>
      <c r="EE9" s="19"/>
      <c r="EF9" s="19"/>
      <c r="EG9" s="19"/>
      <c r="EH9" s="19"/>
      <c r="EI9" s="19"/>
      <c r="EJ9" s="19"/>
      <c r="EK9" s="19"/>
      <c r="EL9" s="19"/>
      <c r="EM9" s="19"/>
      <c r="EN9" s="19"/>
      <c r="EO9" s="19"/>
      <c r="EP9" s="19"/>
      <c r="EQ9" s="19"/>
      <c r="ER9" s="19"/>
      <c r="ES9" s="19"/>
      <c r="ET9" s="19"/>
      <c r="EU9" s="19"/>
      <c r="EV9" s="19"/>
      <c r="EW9" s="19"/>
      <c r="EX9" s="19"/>
      <c r="EY9" s="19"/>
      <c r="EZ9" s="19"/>
      <c r="FA9" s="19"/>
      <c r="FB9" s="19"/>
      <c r="FC9" s="19"/>
      <c r="FD9" s="19"/>
      <c r="FE9" s="19"/>
      <c r="FF9" s="19"/>
      <c r="FG9" s="19"/>
      <c r="FH9" s="19"/>
      <c r="FI9" s="19"/>
      <c r="FJ9" s="19"/>
      <c r="FK9" s="19"/>
      <c r="FL9" s="19"/>
      <c r="FM9" s="19"/>
      <c r="FN9" s="19"/>
      <c r="FO9" s="19"/>
      <c r="FP9" s="19"/>
      <c r="FQ9" s="19"/>
      <c r="FR9" s="19"/>
      <c r="FS9" s="19"/>
      <c r="FT9" s="19"/>
      <c r="FU9" s="19"/>
      <c r="FV9" s="19"/>
      <c r="FW9" s="19"/>
      <c r="FX9" s="19"/>
      <c r="FY9" s="19"/>
      <c r="FZ9" s="19"/>
      <c r="GA9" s="19"/>
      <c r="GB9" s="19"/>
      <c r="GC9" s="19"/>
      <c r="GD9" s="19"/>
      <c r="GE9" s="19"/>
      <c r="GF9" s="19"/>
      <c r="GG9" s="19"/>
      <c r="GH9" s="19"/>
      <c r="GI9" s="19"/>
      <c r="GJ9" s="19"/>
      <c r="GK9" s="19"/>
      <c r="GL9" s="19"/>
      <c r="GM9" s="19"/>
      <c r="GN9" s="19"/>
      <c r="GO9" s="19"/>
      <c r="GP9" s="19"/>
      <c r="GQ9" s="19"/>
      <c r="GR9" s="19"/>
      <c r="GS9" s="19"/>
      <c r="GT9" s="19"/>
      <c r="GU9" s="19"/>
      <c r="GV9" s="19"/>
      <c r="GW9" s="19"/>
      <c r="GX9" s="19"/>
      <c r="GY9" s="19"/>
      <c r="GZ9" s="19"/>
      <c r="HA9" s="19"/>
      <c r="HB9" s="19"/>
      <c r="HC9" s="19"/>
      <c r="HD9" s="19"/>
      <c r="HE9" s="19"/>
      <c r="HF9" s="19"/>
      <c r="HG9" s="19"/>
      <c r="HH9" s="19"/>
      <c r="HI9" s="19"/>
      <c r="HJ9" s="19"/>
      <c r="HK9" s="19"/>
      <c r="HL9" s="19"/>
      <c r="HM9" s="19"/>
      <c r="HN9" s="19"/>
      <c r="HO9" s="19"/>
      <c r="HP9" s="19"/>
      <c r="HQ9" s="19"/>
      <c r="HR9" s="19"/>
      <c r="HS9" s="19"/>
      <c r="HT9" s="19"/>
      <c r="HU9" s="19"/>
      <c r="HV9" s="19"/>
      <c r="HW9" s="19"/>
      <c r="HX9" s="19"/>
      <c r="HY9" s="19"/>
      <c r="HZ9" s="19"/>
      <c r="IA9" s="19"/>
      <c r="IB9" s="19"/>
      <c r="IC9" s="19"/>
      <c r="ID9" s="19"/>
      <c r="IE9" s="19"/>
      <c r="IF9" s="19"/>
      <c r="IG9" s="19"/>
      <c r="IH9" s="19"/>
      <c r="II9" s="19"/>
      <c r="IJ9" s="19"/>
      <c r="IK9" s="19"/>
      <c r="IL9" s="19"/>
      <c r="IM9" s="19"/>
      <c r="IN9" s="19"/>
      <c r="IO9" s="19"/>
      <c r="IP9" s="19"/>
      <c r="IQ9" s="19"/>
      <c r="IR9" s="19"/>
      <c r="IS9" s="19"/>
      <c r="IT9" s="19"/>
      <c r="IU9" s="19"/>
      <c r="IV9" s="19"/>
      <c r="IW9" s="19"/>
      <c r="IX9" s="19"/>
      <c r="IY9" s="19"/>
      <c r="IZ9" s="19"/>
      <c r="JA9" s="19"/>
      <c r="JB9" s="19"/>
      <c r="JC9" s="19"/>
      <c r="JD9" s="19"/>
      <c r="JE9" s="19"/>
      <c r="JF9" s="19"/>
      <c r="JG9" s="19"/>
      <c r="JH9" s="19"/>
      <c r="JI9" s="19"/>
      <c r="JJ9" s="19"/>
      <c r="JK9" s="19"/>
      <c r="JL9" s="19"/>
      <c r="JM9" s="19"/>
      <c r="JN9" s="19"/>
      <c r="JO9" s="19"/>
      <c r="JP9" s="19"/>
      <c r="JQ9" s="19"/>
      <c r="JR9" s="19"/>
      <c r="JS9" s="19"/>
      <c r="JT9" s="19"/>
      <c r="JU9" s="19"/>
      <c r="JV9" s="19"/>
      <c r="JW9" s="19"/>
      <c r="JX9" s="19"/>
      <c r="JY9" s="19"/>
      <c r="JZ9" s="19"/>
      <c r="KA9" s="19"/>
      <c r="KB9" s="19"/>
      <c r="KC9" s="19"/>
      <c r="KD9" s="19"/>
      <c r="KE9" s="19"/>
      <c r="KF9" s="19"/>
      <c r="KG9" s="19"/>
      <c r="KH9" s="19"/>
      <c r="KI9" s="19"/>
      <c r="KJ9" s="19"/>
      <c r="KK9" s="19"/>
      <c r="KL9" s="19"/>
      <c r="KM9" s="19"/>
      <c r="KN9" s="19"/>
      <c r="KO9" s="19"/>
      <c r="KP9" s="19"/>
      <c r="KQ9" s="19"/>
      <c r="KR9" s="19"/>
      <c r="KS9" s="19"/>
      <c r="KT9" s="19"/>
      <c r="KU9" s="19"/>
      <c r="KV9" s="19"/>
      <c r="KW9" s="19"/>
      <c r="KX9" s="19"/>
      <c r="KY9" s="19"/>
      <c r="KZ9" s="19"/>
      <c r="LA9" s="19"/>
      <c r="LB9" s="19"/>
      <c r="LC9" s="19"/>
      <c r="LD9" s="19"/>
      <c r="LE9" s="19"/>
      <c r="LF9" s="19"/>
      <c r="LG9" s="19"/>
      <c r="LH9" s="19"/>
      <c r="LI9" s="19"/>
      <c r="LJ9" s="19"/>
      <c r="LK9" s="19"/>
      <c r="LL9" s="19"/>
      <c r="LM9" s="19"/>
      <c r="LN9" s="19"/>
      <c r="LO9" s="19"/>
      <c r="LP9" s="19"/>
      <c r="LQ9" s="19"/>
      <c r="LR9" s="19"/>
      <c r="LS9" s="19"/>
      <c r="LT9" s="19"/>
      <c r="LU9" s="19"/>
      <c r="LV9" s="19"/>
      <c r="LW9" s="19"/>
      <c r="LX9" s="19"/>
      <c r="LY9" s="19"/>
      <c r="LZ9" s="19"/>
      <c r="MA9" s="19"/>
      <c r="MB9" s="19"/>
      <c r="MC9" s="19"/>
      <c r="MD9" s="19"/>
      <c r="ME9" s="19"/>
      <c r="MF9" s="19"/>
      <c r="MG9" s="19"/>
      <c r="MH9" s="19"/>
      <c r="MI9" s="19"/>
      <c r="MJ9" s="19"/>
      <c r="MK9" s="19"/>
      <c r="ML9" s="19"/>
      <c r="MM9" s="19"/>
      <c r="MN9" s="19"/>
      <c r="MO9" s="19"/>
      <c r="MP9" s="19"/>
      <c r="MQ9" s="19"/>
      <c r="MR9" s="19"/>
      <c r="MS9" s="19"/>
      <c r="MT9" s="19"/>
      <c r="MU9" s="19"/>
      <c r="MV9" s="19"/>
      <c r="MW9" s="19"/>
      <c r="MX9" s="19"/>
      <c r="MY9" s="19"/>
      <c r="MZ9" s="19"/>
      <c r="NA9" s="19"/>
      <c r="NB9" s="19"/>
      <c r="NC9" s="19"/>
      <c r="ND9" s="19"/>
      <c r="NE9" s="19"/>
      <c r="NF9" s="19"/>
      <c r="NG9" s="19"/>
      <c r="NH9" s="19"/>
      <c r="NI9" s="19"/>
      <c r="NJ9" s="19"/>
      <c r="NK9" s="19"/>
      <c r="NL9" s="19"/>
      <c r="NM9" s="19"/>
      <c r="NN9" s="19"/>
      <c r="NO9" s="19"/>
      <c r="NP9" s="19"/>
      <c r="NQ9" s="19"/>
      <c r="NR9" s="19"/>
      <c r="NS9" s="19"/>
      <c r="NT9" s="19"/>
      <c r="NU9" s="19"/>
      <c r="NV9" s="19"/>
      <c r="NW9" s="19"/>
      <c r="NX9" s="19"/>
      <c r="NY9" s="19"/>
      <c r="NZ9" s="19"/>
      <c r="OA9" s="19"/>
      <c r="OB9" s="19"/>
      <c r="OC9" s="19"/>
      <c r="OD9" s="19"/>
      <c r="OE9" s="19"/>
      <c r="OF9" s="19"/>
      <c r="OG9" s="19"/>
      <c r="OH9" s="19"/>
      <c r="OI9" s="19"/>
      <c r="OJ9" s="19"/>
      <c r="OK9" s="19"/>
      <c r="OL9" s="19"/>
      <c r="OM9" s="19"/>
      <c r="ON9" s="19"/>
      <c r="OO9" s="19"/>
      <c r="OP9" s="19"/>
      <c r="OQ9" s="19"/>
      <c r="OR9" s="19"/>
      <c r="OS9" s="19"/>
      <c r="OT9" s="19"/>
      <c r="OU9" s="19"/>
      <c r="OV9" s="19"/>
      <c r="OW9" s="19"/>
      <c r="OX9" s="19"/>
      <c r="OY9" s="19"/>
      <c r="OZ9" s="19"/>
      <c r="PA9" s="19"/>
      <c r="PB9" s="19"/>
      <c r="PC9" s="19"/>
      <c r="PD9" s="19"/>
      <c r="PE9" s="19"/>
      <c r="PF9" s="19"/>
      <c r="PG9" s="19"/>
      <c r="PH9" s="19"/>
      <c r="PI9" s="19"/>
      <c r="PJ9" s="19"/>
      <c r="PK9" s="19"/>
      <c r="PL9" s="19"/>
      <c r="PM9" s="19"/>
      <c r="PN9" s="19"/>
      <c r="PO9" s="19"/>
      <c r="PP9" s="19"/>
      <c r="PQ9" s="19"/>
      <c r="PR9" s="19"/>
      <c r="PS9" s="19"/>
      <c r="PT9" s="19"/>
      <c r="PU9" s="19"/>
      <c r="PV9" s="19"/>
      <c r="PW9" s="19"/>
      <c r="PX9" s="19"/>
      <c r="PY9" s="19"/>
      <c r="PZ9" s="19"/>
      <c r="QA9" s="19"/>
      <c r="QB9" s="19"/>
      <c r="QC9" s="19"/>
      <c r="QD9" s="19"/>
      <c r="QE9" s="19"/>
      <c r="QF9" s="19"/>
      <c r="QG9" s="19"/>
      <c r="QH9" s="19"/>
      <c r="QI9" s="19"/>
      <c r="QJ9" s="19"/>
      <c r="QK9" s="19"/>
      <c r="QL9" s="19"/>
      <c r="QM9" s="19"/>
      <c r="QN9" s="19"/>
      <c r="QO9" s="19"/>
      <c r="QP9" s="19"/>
      <c r="QQ9" s="19"/>
      <c r="QR9" s="19"/>
      <c r="QS9" s="19"/>
      <c r="QT9" s="19"/>
      <c r="QU9" s="19"/>
      <c r="QV9" s="19"/>
      <c r="QW9" s="19"/>
      <c r="QX9" s="19"/>
      <c r="QY9" s="19"/>
      <c r="QZ9" s="19"/>
      <c r="RA9" s="19"/>
      <c r="RB9" s="19"/>
      <c r="RC9" s="19"/>
      <c r="RD9" s="19"/>
      <c r="RE9" s="19"/>
      <c r="RF9" s="19"/>
      <c r="RG9" s="19"/>
      <c r="RH9" s="19"/>
      <c r="RI9" s="19"/>
      <c r="RJ9" s="19"/>
      <c r="RK9" s="19"/>
      <c r="RL9" s="19"/>
      <c r="RM9" s="19"/>
      <c r="RN9" s="19"/>
      <c r="RO9" s="19"/>
      <c r="RP9" s="19"/>
      <c r="RQ9" s="19"/>
      <c r="RR9" s="19"/>
      <c r="RS9" s="19"/>
      <c r="RT9" s="19"/>
      <c r="RU9" s="19"/>
      <c r="RV9" s="19"/>
      <c r="RW9" s="19"/>
      <c r="RX9" s="19"/>
      <c r="RY9" s="19"/>
      <c r="RZ9" s="19"/>
      <c r="SA9" s="19"/>
      <c r="SB9" s="19"/>
      <c r="SC9" s="19"/>
      <c r="SD9" s="19"/>
      <c r="SE9" s="19"/>
      <c r="SF9" s="19"/>
      <c r="SG9" s="19"/>
      <c r="SH9" s="19"/>
      <c r="SI9" s="19"/>
      <c r="SJ9" s="19"/>
      <c r="SK9" s="19"/>
      <c r="SL9" s="19"/>
      <c r="SM9" s="19"/>
      <c r="SN9" s="19"/>
      <c r="SO9" s="19"/>
      <c r="SP9" s="19"/>
      <c r="SQ9" s="19"/>
      <c r="SR9" s="19"/>
      <c r="SS9" s="19"/>
      <c r="ST9" s="19"/>
      <c r="SU9" s="19"/>
      <c r="SV9" s="19"/>
      <c r="SW9" s="19"/>
      <c r="SX9" s="19"/>
      <c r="SY9" s="19"/>
      <c r="SZ9" s="19"/>
      <c r="TA9" s="19"/>
      <c r="TB9" s="19"/>
      <c r="TC9" s="19"/>
      <c r="TD9" s="19"/>
      <c r="TE9" s="19"/>
      <c r="TF9" s="19"/>
      <c r="TG9" s="19"/>
      <c r="TH9" s="19"/>
      <c r="TI9" s="19"/>
      <c r="TJ9" s="19"/>
      <c r="TK9" s="19"/>
      <c r="TL9" s="19"/>
      <c r="TM9" s="19"/>
      <c r="TN9" s="19"/>
      <c r="TO9" s="19"/>
      <c r="TP9" s="19"/>
      <c r="TQ9" s="19"/>
      <c r="TR9" s="19"/>
      <c r="TS9" s="19"/>
      <c r="TT9" s="19"/>
      <c r="TU9" s="19"/>
      <c r="TV9" s="19"/>
      <c r="TW9" s="19"/>
      <c r="TX9" s="19"/>
      <c r="TY9" s="19"/>
      <c r="TZ9" s="19"/>
      <c r="UA9" s="19"/>
      <c r="UB9" s="19"/>
      <c r="UC9" s="19"/>
      <c r="UD9" s="19"/>
      <c r="UE9" s="19"/>
      <c r="UF9" s="19"/>
      <c r="UG9" s="19"/>
      <c r="UH9" s="19"/>
      <c r="UI9" s="19"/>
      <c r="UJ9" s="19"/>
      <c r="UK9" s="19"/>
      <c r="UL9" s="19"/>
      <c r="UM9" s="19"/>
      <c r="UN9" s="19"/>
      <c r="UO9" s="19"/>
      <c r="UP9" s="19"/>
      <c r="UQ9" s="19"/>
      <c r="UR9" s="19"/>
      <c r="US9" s="19"/>
      <c r="UT9" s="19"/>
      <c r="UU9" s="19"/>
      <c r="UV9" s="19"/>
      <c r="UW9" s="19"/>
      <c r="UX9" s="19"/>
      <c r="UY9" s="19"/>
      <c r="UZ9" s="19"/>
      <c r="VA9" s="19"/>
      <c r="VB9" s="19"/>
      <c r="VC9" s="19"/>
      <c r="VD9" s="19"/>
      <c r="VE9" s="19"/>
      <c r="VF9" s="19"/>
      <c r="VG9" s="19"/>
      <c r="VH9" s="19"/>
      <c r="VI9" s="19"/>
      <c r="VJ9" s="19"/>
      <c r="VK9" s="19"/>
      <c r="VL9" s="19"/>
      <c r="VM9" s="19"/>
      <c r="VN9" s="19"/>
      <c r="VO9" s="19"/>
      <c r="VP9" s="19"/>
      <c r="VQ9" s="19"/>
      <c r="VR9" s="19"/>
      <c r="VS9" s="19"/>
      <c r="VT9" s="19"/>
      <c r="VU9" s="19"/>
      <c r="VV9" s="19"/>
      <c r="VW9" s="19"/>
      <c r="VX9" s="19"/>
      <c r="VY9" s="19"/>
      <c r="VZ9" s="19"/>
      <c r="WA9" s="19"/>
      <c r="WB9" s="19"/>
      <c r="WC9" s="19"/>
      <c r="WD9" s="19"/>
      <c r="WE9" s="19"/>
      <c r="WF9" s="19"/>
      <c r="WG9" s="19"/>
      <c r="WH9" s="19"/>
      <c r="WI9" s="19"/>
      <c r="WJ9" s="19"/>
      <c r="WK9" s="19"/>
      <c r="WL9" s="19"/>
      <c r="WM9" s="19"/>
      <c r="WN9" s="19"/>
      <c r="WO9" s="19"/>
      <c r="WP9" s="19"/>
      <c r="WQ9" s="19"/>
      <c r="WR9" s="19"/>
      <c r="WS9" s="19"/>
      <c r="WT9" s="19"/>
      <c r="WU9" s="19"/>
      <c r="WV9" s="19"/>
      <c r="WW9" s="19"/>
      <c r="WX9" s="19"/>
      <c r="WY9" s="19"/>
      <c r="WZ9" s="19"/>
      <c r="XA9" s="19"/>
      <c r="XB9" s="19"/>
      <c r="XC9" s="19"/>
      <c r="XD9" s="19"/>
      <c r="XE9" s="19"/>
      <c r="XF9" s="19"/>
      <c r="XG9" s="19"/>
      <c r="XH9" s="19"/>
      <c r="XI9" s="19"/>
      <c r="XJ9" s="19"/>
      <c r="XK9" s="19"/>
      <c r="XL9" s="19"/>
      <c r="XM9" s="19"/>
      <c r="XN9" s="19"/>
      <c r="XO9" s="19"/>
      <c r="XP9" s="19"/>
      <c r="XQ9" s="19"/>
      <c r="XR9" s="19"/>
      <c r="XS9" s="19"/>
      <c r="XT9" s="19"/>
      <c r="XU9" s="19"/>
      <c r="XV9" s="19"/>
      <c r="XW9" s="19"/>
      <c r="XX9" s="19"/>
      <c r="XY9" s="19"/>
      <c r="XZ9" s="19"/>
      <c r="YA9" s="19"/>
      <c r="YB9" s="19"/>
      <c r="YC9" s="19"/>
      <c r="YD9" s="19"/>
      <c r="YE9" s="19"/>
      <c r="YF9" s="19"/>
      <c r="YG9" s="19"/>
      <c r="YH9" s="19"/>
      <c r="YI9" s="19"/>
      <c r="YJ9" s="19"/>
      <c r="YK9" s="19"/>
      <c r="YL9" s="19"/>
      <c r="YM9" s="19"/>
      <c r="YN9" s="19"/>
      <c r="YO9" s="19"/>
      <c r="YP9" s="19"/>
      <c r="YQ9" s="19"/>
      <c r="YR9" s="19"/>
      <c r="YS9" s="19"/>
      <c r="YT9" s="19"/>
      <c r="YU9" s="19"/>
      <c r="YV9" s="19"/>
      <c r="YW9" s="19"/>
      <c r="YX9" s="19"/>
      <c r="YY9" s="19"/>
      <c r="YZ9" s="19"/>
      <c r="ZA9" s="19"/>
      <c r="ZB9" s="19"/>
      <c r="ZC9" s="19"/>
      <c r="ZD9" s="19"/>
      <c r="ZE9" s="19"/>
      <c r="ZF9" s="19"/>
      <c r="ZG9" s="19"/>
      <c r="ZH9" s="19"/>
      <c r="ZI9" s="19"/>
      <c r="ZJ9" s="19"/>
      <c r="ZK9" s="19"/>
      <c r="ZL9" s="19"/>
      <c r="ZM9" s="19"/>
      <c r="ZN9" s="19"/>
      <c r="ZO9" s="19"/>
      <c r="ZP9" s="19"/>
      <c r="ZQ9" s="19"/>
      <c r="ZR9" s="19"/>
      <c r="ZS9" s="19"/>
      <c r="ZT9" s="19"/>
      <c r="ZU9" s="19"/>
      <c r="ZV9" s="19"/>
      <c r="ZW9" s="19"/>
      <c r="ZX9" s="19"/>
      <c r="ZY9" s="19"/>
      <c r="ZZ9" s="19"/>
      <c r="AAA9" s="19"/>
      <c r="AAB9" s="19"/>
      <c r="AAC9" s="19"/>
      <c r="AAD9" s="19"/>
      <c r="AAE9" s="19"/>
      <c r="AAF9" s="19"/>
      <c r="AAG9" s="19"/>
      <c r="AAH9" s="19"/>
      <c r="AAI9" s="19"/>
      <c r="AAJ9" s="19"/>
      <c r="AAK9" s="19"/>
      <c r="AAL9" s="19"/>
      <c r="AAM9" s="19"/>
      <c r="AAN9" s="19"/>
      <c r="AAO9" s="19"/>
      <c r="AAP9" s="19"/>
      <c r="AAQ9" s="19"/>
      <c r="AAR9" s="19"/>
      <c r="AAS9" s="19"/>
      <c r="AAT9" s="19"/>
      <c r="AAU9" s="19"/>
      <c r="AAV9" s="19"/>
      <c r="AAW9" s="19"/>
      <c r="AAX9" s="19"/>
      <c r="AAY9" s="19"/>
      <c r="AAZ9" s="19"/>
      <c r="ABA9" s="19"/>
      <c r="ABB9" s="19"/>
      <c r="ABC9" s="19"/>
      <c r="ABD9" s="19"/>
      <c r="ABE9" s="19"/>
      <c r="ABF9" s="19"/>
      <c r="ABG9" s="19"/>
      <c r="ABH9" s="19"/>
      <c r="ABI9" s="19"/>
      <c r="ABJ9" s="19"/>
      <c r="ABK9" s="19"/>
      <c r="ABL9" s="19"/>
      <c r="ABM9" s="19"/>
      <c r="ABN9" s="19"/>
      <c r="ABO9" s="19"/>
      <c r="ABP9" s="19"/>
      <c r="ABQ9" s="19"/>
      <c r="ABR9" s="19"/>
      <c r="ABS9" s="19"/>
      <c r="ABT9" s="19"/>
      <c r="ABU9" s="19"/>
      <c r="ABV9" s="19"/>
      <c r="ABW9" s="19"/>
      <c r="ABX9" s="19"/>
      <c r="ABY9" s="19"/>
      <c r="ABZ9" s="19"/>
      <c r="ACA9" s="19"/>
      <c r="ACB9" s="19"/>
      <c r="ACC9" s="19"/>
      <c r="ACD9" s="19"/>
      <c r="ACE9" s="19"/>
      <c r="ACF9" s="19"/>
      <c r="ACG9" s="19"/>
      <c r="ACH9" s="19"/>
      <c r="ACI9" s="19"/>
      <c r="ACJ9" s="19"/>
      <c r="ACK9" s="19"/>
      <c r="ACL9" s="19"/>
      <c r="ACM9" s="19"/>
      <c r="ACN9" s="19"/>
      <c r="ACO9" s="19"/>
      <c r="ACP9" s="19"/>
      <c r="ACQ9" s="19"/>
      <c r="ACR9" s="19"/>
      <c r="ACS9" s="19"/>
      <c r="ACT9" s="19"/>
      <c r="ACU9" s="19"/>
      <c r="ACV9" s="19"/>
      <c r="ACW9" s="19"/>
      <c r="ACX9" s="19"/>
      <c r="ACY9" s="19"/>
      <c r="ACZ9" s="19"/>
      <c r="ADA9" s="19"/>
      <c r="ADB9" s="19"/>
      <c r="ADC9" s="19"/>
      <c r="ADD9" s="19"/>
      <c r="ADE9" s="19"/>
      <c r="ADF9" s="19"/>
      <c r="ADG9" s="19"/>
      <c r="ADH9" s="19"/>
      <c r="ADI9" s="19"/>
      <c r="ADJ9" s="19"/>
      <c r="ADK9" s="19"/>
      <c r="ADL9" s="19"/>
      <c r="ADM9" s="19"/>
      <c r="ADN9" s="19"/>
      <c r="ADO9" s="19"/>
      <c r="ADP9" s="19"/>
      <c r="ADQ9" s="19"/>
      <c r="ADR9" s="19"/>
      <c r="ADS9" s="19"/>
      <c r="ADT9" s="19"/>
      <c r="ADU9" s="19"/>
      <c r="ADV9" s="19"/>
      <c r="ADW9" s="19"/>
      <c r="ADX9" s="19"/>
      <c r="ADY9" s="19"/>
      <c r="ADZ9" s="19"/>
      <c r="AEA9" s="19"/>
      <c r="AEB9" s="19"/>
      <c r="AEC9" s="19"/>
      <c r="AED9" s="19"/>
      <c r="AEE9" s="19"/>
      <c r="AEF9" s="19"/>
      <c r="AEG9" s="19"/>
      <c r="AEH9" s="19"/>
      <c r="AEI9" s="19"/>
      <c r="AEJ9" s="19"/>
      <c r="AEK9" s="19"/>
      <c r="AEL9" s="19"/>
      <c r="AEM9" s="19"/>
      <c r="AEN9" s="19"/>
      <c r="AEO9" s="19"/>
      <c r="AEP9" s="19"/>
      <c r="AEQ9" s="19"/>
      <c r="AER9" s="19"/>
      <c r="AES9" s="19"/>
      <c r="AET9" s="19"/>
      <c r="AEU9" s="19"/>
      <c r="AEV9" s="19"/>
      <c r="AEW9" s="19"/>
      <c r="AEX9" s="19"/>
      <c r="AEY9" s="19"/>
      <c r="AEZ9" s="19"/>
      <c r="AFA9" s="19"/>
      <c r="AFB9" s="19"/>
      <c r="AFC9" s="19"/>
      <c r="AFD9" s="19"/>
      <c r="AFE9" s="19"/>
      <c r="AFF9" s="19"/>
      <c r="AFG9" s="19"/>
      <c r="AFH9" s="19"/>
      <c r="AFI9" s="19"/>
      <c r="AFJ9" s="19"/>
      <c r="AFK9" s="19"/>
      <c r="AFL9" s="19"/>
      <c r="AFM9" s="19"/>
      <c r="AFN9" s="19"/>
      <c r="AFO9" s="19"/>
      <c r="AFP9" s="19"/>
      <c r="AFQ9" s="19"/>
      <c r="AFR9" s="19"/>
      <c r="AFS9" s="19"/>
      <c r="AFT9" s="19"/>
      <c r="AFU9" s="19"/>
      <c r="AFV9" s="19"/>
      <c r="AFW9" s="19"/>
      <c r="AFX9" s="19"/>
      <c r="AFY9" s="19"/>
      <c r="AFZ9" s="19"/>
      <c r="AGA9" s="19"/>
      <c r="AGB9" s="19"/>
      <c r="AGC9" s="19"/>
      <c r="AGD9" s="19"/>
      <c r="AGE9" s="19"/>
      <c r="AGF9" s="19"/>
      <c r="AGG9" s="19"/>
      <c r="AGH9" s="19"/>
      <c r="AGI9" s="19"/>
      <c r="AGJ9" s="19"/>
      <c r="AGK9" s="19"/>
      <c r="AGL9" s="19"/>
      <c r="AGM9" s="19"/>
      <c r="AGN9" s="19"/>
      <c r="AGO9" s="19"/>
      <c r="AGP9" s="19"/>
      <c r="AGQ9" s="19"/>
      <c r="AGR9" s="19"/>
      <c r="AGS9" s="19"/>
      <c r="AGT9" s="19"/>
      <c r="AGU9" s="19"/>
      <c r="AGV9" s="19"/>
      <c r="AGW9" s="19"/>
      <c r="AGX9" s="19"/>
      <c r="AGY9" s="19"/>
      <c r="AGZ9" s="19"/>
      <c r="AHA9" s="19"/>
      <c r="AHB9" s="19"/>
      <c r="AHC9" s="19"/>
      <c r="AHD9" s="19"/>
      <c r="AHE9" s="19"/>
      <c r="AHF9" s="19"/>
      <c r="AHG9" s="19"/>
      <c r="AHH9" s="19"/>
      <c r="AHI9" s="19"/>
      <c r="AHJ9" s="19"/>
      <c r="AHK9" s="19"/>
      <c r="AHL9" s="19"/>
      <c r="AHM9" s="19"/>
      <c r="AHN9" s="19"/>
      <c r="AHO9" s="19"/>
      <c r="AHP9" s="19"/>
      <c r="AHQ9" s="19"/>
      <c r="AHR9" s="19"/>
      <c r="AHS9" s="19"/>
      <c r="AHT9" s="19"/>
      <c r="AHU9" s="19"/>
      <c r="AHV9" s="19"/>
      <c r="AHW9" s="19"/>
      <c r="AHX9" s="19"/>
      <c r="AHY9" s="19"/>
      <c r="AHZ9" s="19"/>
      <c r="AIA9" s="19"/>
      <c r="AIB9" s="19"/>
      <c r="AIC9" s="19"/>
      <c r="AID9" s="19"/>
      <c r="AIE9" s="19"/>
      <c r="AIF9" s="19"/>
      <c r="AIG9" s="19"/>
      <c r="AIH9" s="19"/>
      <c r="AII9" s="19"/>
      <c r="AIJ9" s="19"/>
      <c r="AIK9" s="19"/>
      <c r="AIL9" s="19"/>
      <c r="AIM9" s="19"/>
      <c r="AIN9" s="19"/>
      <c r="AIO9" s="19"/>
      <c r="AIP9" s="19"/>
      <c r="AIQ9" s="19"/>
      <c r="AIR9" s="19"/>
      <c r="AIS9" s="19"/>
      <c r="AIT9" s="19"/>
      <c r="AIU9" s="19"/>
      <c r="AIV9" s="19"/>
      <c r="AIW9" s="19"/>
      <c r="AIX9" s="19"/>
      <c r="AIY9" s="19"/>
      <c r="AIZ9" s="19"/>
      <c r="AJA9" s="19"/>
      <c r="AJB9" s="19"/>
      <c r="AJC9" s="19"/>
      <c r="AJD9" s="19"/>
      <c r="AJE9" s="19"/>
      <c r="AJF9" s="19"/>
      <c r="AJG9" s="19"/>
      <c r="AJH9" s="19"/>
      <c r="AJI9" s="19"/>
      <c r="AJJ9" s="19"/>
      <c r="AJK9" s="19"/>
      <c r="AJL9" s="19"/>
      <c r="AJM9" s="19"/>
      <c r="AJN9" s="19"/>
      <c r="AJO9" s="19"/>
      <c r="AJP9" s="19"/>
      <c r="AJQ9" s="19"/>
      <c r="AJR9" s="19"/>
      <c r="AJS9" s="19"/>
      <c r="AJT9" s="19"/>
      <c r="AJU9" s="19"/>
      <c r="AJV9" s="19"/>
      <c r="AJW9" s="19"/>
      <c r="AJX9" s="19"/>
      <c r="AJY9" s="19"/>
      <c r="AJZ9" s="19"/>
      <c r="AKA9" s="19"/>
      <c r="AKB9" s="19"/>
      <c r="AKC9" s="19"/>
      <c r="AKD9" s="19"/>
      <c r="AKE9" s="19"/>
      <c r="AKF9" s="19"/>
      <c r="AKG9" s="19"/>
      <c r="AKH9" s="19"/>
      <c r="AKI9" s="19"/>
      <c r="AKJ9" s="19"/>
      <c r="AKK9" s="19"/>
      <c r="AKL9" s="19"/>
      <c r="AKM9" s="19"/>
      <c r="AKN9" s="19"/>
      <c r="AKO9" s="19"/>
      <c r="AKP9" s="19"/>
      <c r="AKQ9" s="19"/>
      <c r="AKR9" s="19"/>
      <c r="AKS9" s="19"/>
      <c r="AKT9" s="19"/>
      <c r="AKU9" s="19"/>
      <c r="AKV9" s="19"/>
      <c r="AKW9" s="19"/>
      <c r="AKX9" s="19"/>
      <c r="AKY9" s="19"/>
      <c r="AKZ9" s="19"/>
      <c r="ALA9" s="19"/>
      <c r="ALB9" s="19"/>
      <c r="ALC9" s="19"/>
      <c r="ALD9" s="19"/>
      <c r="ALE9" s="19"/>
      <c r="ALF9" s="19"/>
      <c r="ALG9" s="19"/>
      <c r="ALH9" s="19"/>
      <c r="ALI9" s="19"/>
      <c r="ALJ9" s="19"/>
      <c r="ALK9" s="19"/>
      <c r="ALL9" s="19"/>
      <c r="ALM9" s="19"/>
      <c r="ALN9" s="19"/>
      <c r="ALO9" s="19"/>
      <c r="ALP9" s="19"/>
      <c r="ALQ9" s="19"/>
      <c r="ALR9" s="19"/>
      <c r="ALS9" s="19"/>
      <c r="ALT9" s="19"/>
      <c r="ALU9" s="19"/>
      <c r="ALV9" s="19"/>
      <c r="ALW9" s="19"/>
      <c r="ALX9" s="19"/>
      <c r="ALY9" s="19"/>
      <c r="ALZ9" s="19"/>
      <c r="AMA9" s="19"/>
      <c r="AMB9" s="19"/>
      <c r="AMC9" s="19"/>
      <c r="AMD9" s="19"/>
      <c r="AME9" s="19"/>
      <c r="AMF9" s="19"/>
      <c r="AMG9" s="19"/>
      <c r="AMH9" s="19"/>
      <c r="AMI9" s="19"/>
      <c r="AMJ9" s="19"/>
      <c r="AMK9" s="19"/>
      <c r="AML9" s="19"/>
      <c r="AMM9" s="19"/>
      <c r="AMN9" s="19"/>
      <c r="AMO9" s="19"/>
      <c r="AMP9" s="19"/>
      <c r="AMQ9" s="19"/>
      <c r="AMR9" s="19"/>
      <c r="AMS9" s="19"/>
      <c r="AMT9" s="19"/>
      <c r="AMU9" s="19"/>
      <c r="AMV9" s="19"/>
      <c r="AMW9" s="19"/>
      <c r="AMX9" s="19"/>
      <c r="AMY9" s="19"/>
      <c r="AMZ9" s="19"/>
      <c r="ANA9" s="19"/>
      <c r="ANB9" s="19"/>
      <c r="ANC9" s="19"/>
      <c r="AND9" s="19"/>
      <c r="ANE9" s="19"/>
      <c r="ANF9" s="19"/>
      <c r="ANG9" s="19"/>
      <c r="ANH9" s="19"/>
      <c r="ANI9" s="19"/>
      <c r="ANJ9" s="19"/>
      <c r="ANK9" s="19"/>
      <c r="ANL9" s="19"/>
      <c r="ANM9" s="19"/>
      <c r="ANN9" s="19"/>
      <c r="ANO9" s="19"/>
      <c r="ANP9" s="19"/>
      <c r="ANQ9" s="19"/>
      <c r="ANR9" s="19"/>
      <c r="ANS9" s="19"/>
      <c r="ANT9" s="19"/>
      <c r="ANU9" s="19"/>
      <c r="ANV9" s="19"/>
      <c r="ANW9" s="19"/>
      <c r="ANX9" s="19"/>
      <c r="ANY9" s="19"/>
      <c r="ANZ9" s="19"/>
      <c r="AOA9" s="19"/>
      <c r="AOB9" s="19"/>
      <c r="AOC9" s="19"/>
      <c r="AOD9" s="19"/>
      <c r="AOE9" s="19"/>
      <c r="AOF9" s="19"/>
      <c r="AOG9" s="19"/>
      <c r="AOH9" s="19"/>
      <c r="AOI9" s="19"/>
      <c r="AOJ9" s="19"/>
      <c r="AOK9" s="19"/>
      <c r="AOL9" s="19"/>
      <c r="AOM9" s="19"/>
      <c r="AON9" s="19"/>
      <c r="AOO9" s="19"/>
      <c r="AOP9" s="19"/>
      <c r="AOQ9" s="19"/>
      <c r="AOR9" s="19"/>
      <c r="AOS9" s="19"/>
      <c r="AOT9" s="19"/>
      <c r="AOU9" s="19"/>
      <c r="AOV9" s="19"/>
      <c r="AOW9" s="19"/>
      <c r="AOX9" s="19"/>
      <c r="AOY9" s="19"/>
      <c r="AOZ9" s="19"/>
      <c r="APA9" s="19"/>
      <c r="APB9" s="19"/>
      <c r="APC9" s="19"/>
      <c r="APD9" s="19"/>
      <c r="APE9" s="19"/>
      <c r="APF9" s="19"/>
      <c r="APG9" s="19"/>
      <c r="APH9" s="19"/>
      <c r="API9" s="19"/>
      <c r="APJ9" s="19"/>
      <c r="APK9" s="19"/>
      <c r="APL9" s="19"/>
      <c r="APM9" s="19"/>
      <c r="APN9" s="19"/>
      <c r="APO9" s="19"/>
      <c r="APP9" s="19"/>
      <c r="APQ9" s="19"/>
      <c r="APR9" s="19"/>
      <c r="APS9" s="19"/>
      <c r="APT9" s="19"/>
      <c r="APU9" s="19"/>
      <c r="APV9" s="19"/>
      <c r="APW9" s="19"/>
      <c r="APX9" s="19"/>
      <c r="APY9" s="19"/>
      <c r="APZ9" s="19"/>
      <c r="AQA9" s="19"/>
      <c r="AQB9" s="19"/>
      <c r="AQC9" s="19"/>
      <c r="AQD9" s="19"/>
      <c r="AQE9" s="19"/>
      <c r="AQF9" s="19"/>
      <c r="AQG9" s="19"/>
      <c r="AQH9" s="19"/>
      <c r="AQI9" s="19"/>
      <c r="AQJ9" s="19"/>
      <c r="AQK9" s="19"/>
      <c r="AQL9" s="19"/>
      <c r="AQM9" s="19"/>
      <c r="AQN9" s="19"/>
      <c r="AQO9" s="19"/>
      <c r="AQP9" s="19"/>
      <c r="AQQ9" s="19"/>
      <c r="AQR9" s="19"/>
      <c r="AQS9" s="19"/>
      <c r="AQT9" s="19"/>
      <c r="AQU9" s="19"/>
      <c r="AQV9" s="19"/>
      <c r="AQW9" s="19"/>
      <c r="AQX9" s="19"/>
      <c r="AQY9" s="19"/>
      <c r="AQZ9" s="19"/>
      <c r="ARA9" s="19"/>
      <c r="ARB9" s="19"/>
      <c r="ARC9" s="19"/>
      <c r="ARD9" s="19"/>
      <c r="ARE9" s="19"/>
      <c r="ARF9" s="19"/>
      <c r="ARG9" s="19"/>
      <c r="ARH9" s="19"/>
      <c r="ARI9" s="19"/>
      <c r="ARJ9" s="19"/>
      <c r="ARK9" s="19"/>
      <c r="ARL9" s="19"/>
      <c r="ARM9" s="19"/>
      <c r="ARN9" s="19"/>
      <c r="ARO9" s="19"/>
      <c r="ARP9" s="19"/>
      <c r="ARQ9" s="19"/>
      <c r="ARR9" s="19"/>
      <c r="ARS9" s="19"/>
      <c r="ART9" s="19"/>
      <c r="ARU9" s="19"/>
      <c r="ARV9" s="19"/>
      <c r="ARW9" s="19"/>
      <c r="ARX9" s="19"/>
      <c r="ARY9" s="19"/>
      <c r="ARZ9" s="19"/>
      <c r="ASA9" s="19"/>
      <c r="ASB9" s="19"/>
      <c r="ASC9" s="19"/>
      <c r="ASD9" s="19"/>
      <c r="ASE9" s="19"/>
      <c r="ASF9" s="19"/>
      <c r="ASG9" s="19"/>
      <c r="ASH9" s="19"/>
      <c r="ASI9" s="19"/>
      <c r="ASJ9" s="19"/>
      <c r="ASK9" s="19"/>
      <c r="ASL9" s="19"/>
      <c r="ASM9" s="19"/>
      <c r="ASN9" s="19"/>
      <c r="ASO9" s="19"/>
      <c r="ASP9" s="19"/>
      <c r="ASQ9" s="19"/>
      <c r="ASR9" s="19"/>
      <c r="ASS9" s="19"/>
      <c r="AST9" s="19"/>
      <c r="ASU9" s="19"/>
      <c r="ASV9" s="19"/>
      <c r="ASW9" s="19"/>
      <c r="ASX9" s="19"/>
      <c r="ASY9" s="19"/>
      <c r="ASZ9" s="19"/>
      <c r="ATA9" s="19"/>
      <c r="ATB9" s="19"/>
      <c r="ATC9" s="19"/>
      <c r="ATD9" s="19"/>
      <c r="ATE9" s="19"/>
      <c r="ATF9" s="19"/>
      <c r="ATG9" s="19"/>
      <c r="ATH9" s="19"/>
      <c r="ATI9" s="19"/>
      <c r="ATJ9" s="19"/>
      <c r="ATK9" s="19"/>
      <c r="ATL9" s="19"/>
      <c r="ATM9" s="19"/>
      <c r="ATN9" s="19"/>
      <c r="ATO9" s="19"/>
      <c r="ATP9" s="19"/>
      <c r="ATQ9" s="19"/>
      <c r="ATR9" s="19"/>
      <c r="ATS9" s="19"/>
      <c r="ATT9" s="19"/>
      <c r="ATU9" s="19"/>
      <c r="ATV9" s="19"/>
      <c r="ATW9" s="19"/>
      <c r="ATX9" s="19"/>
      <c r="ATY9" s="19"/>
      <c r="ATZ9" s="19"/>
      <c r="AUA9" s="19"/>
      <c r="AUB9" s="19"/>
      <c r="AUC9" s="19"/>
      <c r="AUD9" s="19"/>
      <c r="AUE9" s="19"/>
      <c r="AUF9" s="19"/>
      <c r="AUG9" s="19"/>
      <c r="AUH9" s="19"/>
      <c r="AUI9" s="19"/>
      <c r="AUJ9" s="19"/>
      <c r="AUK9" s="19"/>
      <c r="AUL9" s="19"/>
      <c r="AUM9" s="19"/>
      <c r="AUN9" s="19"/>
      <c r="AUO9" s="19"/>
      <c r="AUP9" s="19"/>
      <c r="AUQ9" s="19"/>
      <c r="AUR9" s="19"/>
      <c r="AUS9" s="19"/>
      <c r="AUT9" s="19"/>
      <c r="AUU9" s="19"/>
      <c r="AUV9" s="19"/>
      <c r="AUW9" s="19"/>
      <c r="AUX9" s="19"/>
      <c r="AUY9" s="19"/>
      <c r="AUZ9" s="19"/>
      <c r="AVA9" s="19"/>
      <c r="AVB9" s="19"/>
      <c r="AVC9" s="19"/>
      <c r="AVD9" s="19"/>
      <c r="AVE9" s="19"/>
      <c r="AVF9" s="19"/>
      <c r="AVG9" s="19"/>
      <c r="AVH9" s="19"/>
      <c r="AVI9" s="19"/>
      <c r="AVJ9" s="19"/>
      <c r="AVK9" s="19"/>
      <c r="AVL9" s="19"/>
      <c r="AVM9" s="19"/>
      <c r="AVN9" s="19"/>
      <c r="AVO9" s="19"/>
      <c r="AVP9" s="19"/>
      <c r="AVQ9" s="19"/>
      <c r="AVR9" s="19"/>
      <c r="AVS9" s="19"/>
      <c r="AVT9" s="19"/>
      <c r="AVU9" s="19"/>
      <c r="AVV9" s="19"/>
      <c r="AVW9" s="19"/>
      <c r="AVX9" s="19"/>
      <c r="AVY9" s="19"/>
      <c r="AVZ9" s="19"/>
      <c r="AWA9" s="19"/>
      <c r="AWB9" s="19"/>
      <c r="AWC9" s="19"/>
      <c r="AWD9" s="19"/>
      <c r="AWE9" s="19"/>
      <c r="AWF9" s="19"/>
      <c r="AWG9" s="19"/>
      <c r="AWH9" s="19"/>
      <c r="AWI9" s="19"/>
      <c r="AWJ9" s="19"/>
      <c r="AWK9" s="19"/>
      <c r="AWL9" s="19"/>
      <c r="AWM9" s="19"/>
      <c r="AWN9" s="19"/>
      <c r="AWO9" s="19"/>
      <c r="AWP9" s="19"/>
      <c r="AWQ9" s="19"/>
      <c r="AWR9" s="19"/>
      <c r="AWS9" s="19"/>
      <c r="AWT9" s="19"/>
      <c r="AWU9" s="19"/>
      <c r="AWV9" s="19"/>
      <c r="AWW9" s="19"/>
      <c r="AWX9" s="19"/>
      <c r="AWY9" s="19"/>
      <c r="AWZ9" s="19"/>
      <c r="AXA9" s="19"/>
      <c r="AXB9" s="19"/>
      <c r="AXC9" s="19"/>
      <c r="AXD9" s="19"/>
      <c r="AXE9" s="19"/>
      <c r="AXF9" s="19"/>
      <c r="AXG9" s="19"/>
      <c r="AXH9" s="19"/>
      <c r="AXI9" s="19"/>
      <c r="AXJ9" s="19"/>
      <c r="AXK9" s="19"/>
      <c r="AXL9" s="19"/>
      <c r="AXM9" s="19"/>
      <c r="AXN9" s="19"/>
      <c r="AXO9" s="19"/>
      <c r="AXP9" s="19"/>
      <c r="AXQ9" s="19"/>
      <c r="AXR9" s="19"/>
      <c r="AXS9" s="19"/>
      <c r="AXT9" s="19"/>
      <c r="AXU9" s="19"/>
      <c r="AXV9" s="19"/>
      <c r="AXW9" s="19"/>
      <c r="AXX9" s="19"/>
      <c r="AXY9" s="19"/>
      <c r="AXZ9" s="19"/>
      <c r="AYA9" s="19"/>
      <c r="AYB9" s="19"/>
      <c r="AYC9" s="19"/>
      <c r="AYD9" s="19"/>
      <c r="AYE9" s="19"/>
      <c r="AYF9" s="19"/>
      <c r="AYG9" s="19"/>
      <c r="AYH9" s="19"/>
      <c r="AYI9" s="19"/>
      <c r="AYJ9" s="19"/>
      <c r="AYK9" s="19"/>
      <c r="AYL9" s="19"/>
      <c r="AYM9" s="19"/>
      <c r="AYN9" s="19"/>
      <c r="AYO9" s="19"/>
      <c r="AYP9" s="19"/>
      <c r="AYQ9" s="19"/>
      <c r="AYR9" s="19"/>
      <c r="AYS9" s="19"/>
      <c r="AYT9" s="19"/>
      <c r="AYU9" s="19"/>
      <c r="AYV9" s="19"/>
      <c r="AYW9" s="19"/>
      <c r="AYX9" s="19"/>
      <c r="AYY9" s="19"/>
      <c r="AYZ9" s="19"/>
      <c r="AZA9" s="19"/>
      <c r="AZB9" s="19"/>
      <c r="AZC9" s="19"/>
      <c r="AZD9" s="19"/>
      <c r="AZE9" s="19"/>
      <c r="AZF9" s="19"/>
      <c r="AZG9" s="19"/>
      <c r="AZH9" s="19"/>
      <c r="AZI9" s="19"/>
      <c r="AZJ9" s="19"/>
      <c r="AZK9" s="19"/>
      <c r="AZL9" s="19"/>
      <c r="AZM9" s="19"/>
      <c r="AZN9" s="19"/>
      <c r="AZO9" s="19"/>
      <c r="AZP9" s="19"/>
      <c r="AZQ9" s="19"/>
      <c r="AZR9" s="19"/>
      <c r="AZS9" s="19"/>
      <c r="AZT9" s="19"/>
      <c r="AZU9" s="19"/>
      <c r="AZV9" s="19"/>
      <c r="AZW9" s="19"/>
      <c r="AZX9" s="19"/>
      <c r="AZY9" s="19"/>
      <c r="AZZ9" s="19"/>
      <c r="BAA9" s="19"/>
      <c r="BAB9" s="19"/>
      <c r="BAC9" s="19"/>
      <c r="BAD9" s="19"/>
      <c r="BAE9" s="19"/>
      <c r="BAF9" s="19"/>
      <c r="BAG9" s="19"/>
      <c r="BAH9" s="19"/>
      <c r="BAI9" s="19"/>
      <c r="BAJ9" s="19"/>
      <c r="BAK9" s="19"/>
      <c r="BAL9" s="19"/>
      <c r="BAM9" s="19"/>
      <c r="BAN9" s="19"/>
      <c r="BAO9" s="19"/>
      <c r="BAP9" s="19"/>
      <c r="BAQ9" s="19"/>
      <c r="BAR9" s="19"/>
      <c r="BAS9" s="19"/>
      <c r="BAT9" s="19"/>
      <c r="BAU9" s="19"/>
      <c r="BAV9" s="19"/>
      <c r="BAW9" s="19"/>
      <c r="BAX9" s="19"/>
      <c r="BAY9" s="19"/>
      <c r="BAZ9" s="19"/>
      <c r="BBA9" s="19"/>
      <c r="BBB9" s="19"/>
      <c r="BBC9" s="19"/>
      <c r="BBD9" s="19"/>
      <c r="BBE9" s="19"/>
      <c r="BBF9" s="19"/>
      <c r="BBG9" s="19"/>
      <c r="BBH9" s="19"/>
      <c r="BBI9" s="19"/>
      <c r="BBJ9" s="19"/>
      <c r="BBK9" s="19"/>
      <c r="BBL9" s="19"/>
      <c r="BBM9" s="19"/>
      <c r="BBN9" s="19"/>
    </row>
    <row r="10" spans="1:1418" s="20" customFormat="1" ht="18" customHeight="1" x14ac:dyDescent="0.2">
      <c r="A10" s="91" t="s">
        <v>14</v>
      </c>
      <c r="B10" s="1"/>
      <c r="C10" s="159" t="s">
        <v>22</v>
      </c>
      <c r="D10" s="160"/>
      <c r="E10" s="161"/>
      <c r="F10" s="1"/>
      <c r="G10" s="1"/>
      <c r="H10" s="1"/>
      <c r="I10" s="1"/>
      <c r="J10" s="92"/>
      <c r="K10" s="19"/>
      <c r="L10" s="19"/>
      <c r="M10" s="19"/>
      <c r="N10" s="19"/>
      <c r="O10" s="19"/>
      <c r="P10" s="19"/>
      <c r="Q10" s="19"/>
      <c r="R10" s="19"/>
      <c r="S10" s="19"/>
      <c r="T10" s="19"/>
      <c r="U10" s="19"/>
      <c r="V10" s="19"/>
      <c r="W10" s="19"/>
      <c r="X10" s="19"/>
      <c r="Y10" s="19"/>
      <c r="Z10" s="19"/>
      <c r="AA10" s="19"/>
      <c r="AB10" s="19"/>
      <c r="AC10" s="19"/>
      <c r="AD10" s="19"/>
      <c r="AE10" s="19"/>
      <c r="AF10" s="19"/>
      <c r="AG10" s="19"/>
      <c r="AH10" s="19"/>
      <c r="AI10" s="19"/>
      <c r="AJ10" s="19"/>
      <c r="AK10" s="19"/>
      <c r="AL10" s="19"/>
      <c r="AM10" s="19"/>
      <c r="AN10" s="19"/>
      <c r="AO10" s="19"/>
      <c r="AP10" s="19"/>
      <c r="AQ10" s="19"/>
      <c r="AR10" s="19"/>
      <c r="AS10" s="19"/>
      <c r="AT10" s="19"/>
      <c r="AU10" s="19"/>
      <c r="AV10" s="19"/>
      <c r="AW10" s="19"/>
      <c r="AX10" s="19"/>
      <c r="AY10" s="19"/>
      <c r="AZ10" s="19"/>
      <c r="BA10" s="19"/>
      <c r="BB10" s="19"/>
      <c r="BC10" s="19"/>
      <c r="BD10" s="19"/>
      <c r="BE10" s="19"/>
      <c r="BF10" s="19"/>
      <c r="BG10" s="19"/>
      <c r="BH10" s="19"/>
      <c r="BI10" s="19"/>
      <c r="BJ10" s="19"/>
      <c r="BK10" s="19"/>
      <c r="BL10" s="19"/>
      <c r="BM10" s="19"/>
      <c r="BN10" s="19"/>
      <c r="BO10" s="19"/>
      <c r="BP10" s="19"/>
      <c r="BQ10" s="19"/>
      <c r="BR10" s="19"/>
      <c r="BS10" s="19"/>
      <c r="BT10" s="19"/>
      <c r="BU10" s="19"/>
      <c r="BV10" s="19"/>
      <c r="BW10" s="19"/>
      <c r="BX10" s="19"/>
      <c r="BY10" s="19"/>
      <c r="BZ10" s="19"/>
      <c r="CA10" s="19"/>
      <c r="CB10" s="19"/>
      <c r="CC10" s="19"/>
      <c r="CD10" s="19"/>
      <c r="CE10" s="19"/>
      <c r="CF10" s="19"/>
      <c r="CG10" s="19"/>
      <c r="CH10" s="19"/>
      <c r="CI10" s="19"/>
      <c r="CJ10" s="19"/>
      <c r="CK10" s="19"/>
      <c r="CL10" s="19"/>
      <c r="CM10" s="19"/>
      <c r="CN10" s="19"/>
      <c r="CO10" s="19"/>
      <c r="CP10" s="19"/>
      <c r="CQ10" s="19"/>
      <c r="CR10" s="19"/>
      <c r="CS10" s="19"/>
      <c r="CT10" s="19"/>
      <c r="CU10" s="19"/>
      <c r="CV10" s="19"/>
      <c r="CW10" s="19"/>
      <c r="CX10" s="19"/>
      <c r="CY10" s="19"/>
      <c r="CZ10" s="19"/>
      <c r="DA10" s="19"/>
      <c r="DB10" s="19"/>
      <c r="DC10" s="19"/>
      <c r="DD10" s="19"/>
      <c r="DE10" s="19"/>
      <c r="DF10" s="19"/>
      <c r="DG10" s="19"/>
      <c r="DH10" s="19"/>
      <c r="DI10" s="19"/>
      <c r="DJ10" s="19"/>
      <c r="DK10" s="19"/>
      <c r="DL10" s="19"/>
      <c r="DM10" s="19"/>
      <c r="DN10" s="19"/>
      <c r="DO10" s="19"/>
      <c r="DP10" s="19"/>
      <c r="DQ10" s="19"/>
      <c r="DR10" s="19"/>
      <c r="DS10" s="19"/>
      <c r="DT10" s="19"/>
      <c r="DU10" s="19"/>
      <c r="DV10" s="19"/>
      <c r="DW10" s="19"/>
      <c r="DX10" s="19"/>
      <c r="DY10" s="19"/>
      <c r="DZ10" s="19"/>
      <c r="EA10" s="19"/>
      <c r="EB10" s="19"/>
      <c r="EC10" s="19"/>
      <c r="ED10" s="19"/>
      <c r="EE10" s="19"/>
      <c r="EF10" s="19"/>
      <c r="EG10" s="19"/>
      <c r="EH10" s="19"/>
      <c r="EI10" s="19"/>
      <c r="EJ10" s="19"/>
      <c r="EK10" s="19"/>
      <c r="EL10" s="19"/>
      <c r="EM10" s="19"/>
      <c r="EN10" s="19"/>
      <c r="EO10" s="19"/>
      <c r="EP10" s="19"/>
      <c r="EQ10" s="19"/>
      <c r="ER10" s="19"/>
      <c r="ES10" s="19"/>
      <c r="ET10" s="19"/>
      <c r="EU10" s="19"/>
      <c r="EV10" s="19"/>
      <c r="EW10" s="19"/>
      <c r="EX10" s="19"/>
      <c r="EY10" s="19"/>
      <c r="EZ10" s="19"/>
      <c r="FA10" s="19"/>
      <c r="FB10" s="19"/>
      <c r="FC10" s="19"/>
      <c r="FD10" s="19"/>
      <c r="FE10" s="19"/>
      <c r="FF10" s="19"/>
      <c r="FG10" s="19"/>
      <c r="FH10" s="19"/>
      <c r="FI10" s="19"/>
      <c r="FJ10" s="19"/>
      <c r="FK10" s="19"/>
      <c r="FL10" s="19"/>
      <c r="FM10" s="19"/>
      <c r="FN10" s="19"/>
      <c r="FO10" s="19"/>
      <c r="FP10" s="19"/>
      <c r="FQ10" s="19"/>
      <c r="FR10" s="19"/>
      <c r="FS10" s="19"/>
      <c r="FT10" s="19"/>
      <c r="FU10" s="19"/>
      <c r="FV10" s="19"/>
      <c r="FW10" s="19"/>
      <c r="FX10" s="19"/>
      <c r="FY10" s="19"/>
      <c r="FZ10" s="19"/>
      <c r="GA10" s="19"/>
      <c r="GB10" s="19"/>
      <c r="GC10" s="19"/>
      <c r="GD10" s="19"/>
      <c r="GE10" s="19"/>
      <c r="GF10" s="19"/>
      <c r="GG10" s="19"/>
      <c r="GH10" s="19"/>
      <c r="GI10" s="19"/>
      <c r="GJ10" s="19"/>
      <c r="GK10" s="19"/>
      <c r="GL10" s="19"/>
      <c r="GM10" s="19"/>
      <c r="GN10" s="19"/>
      <c r="GO10" s="19"/>
      <c r="GP10" s="19"/>
      <c r="GQ10" s="19"/>
      <c r="GR10" s="19"/>
      <c r="GS10" s="19"/>
      <c r="GT10" s="19"/>
      <c r="GU10" s="19"/>
      <c r="GV10" s="19"/>
      <c r="GW10" s="19"/>
      <c r="GX10" s="19"/>
      <c r="GY10" s="19"/>
      <c r="GZ10" s="19"/>
      <c r="HA10" s="19"/>
      <c r="HB10" s="19"/>
      <c r="HC10" s="19"/>
      <c r="HD10" s="19"/>
      <c r="HE10" s="19"/>
      <c r="HF10" s="19"/>
      <c r="HG10" s="19"/>
      <c r="HH10" s="19"/>
      <c r="HI10" s="19"/>
      <c r="HJ10" s="19"/>
      <c r="HK10" s="19"/>
      <c r="HL10" s="19"/>
      <c r="HM10" s="19"/>
      <c r="HN10" s="19"/>
      <c r="HO10" s="19"/>
      <c r="HP10" s="19"/>
      <c r="HQ10" s="19"/>
      <c r="HR10" s="19"/>
      <c r="HS10" s="19"/>
      <c r="HT10" s="19"/>
      <c r="HU10" s="19"/>
      <c r="HV10" s="19"/>
      <c r="HW10" s="19"/>
      <c r="HX10" s="19"/>
      <c r="HY10" s="19"/>
      <c r="HZ10" s="19"/>
      <c r="IA10" s="19"/>
      <c r="IB10" s="19"/>
      <c r="IC10" s="19"/>
      <c r="ID10" s="19"/>
      <c r="IE10" s="19"/>
      <c r="IF10" s="19"/>
      <c r="IG10" s="19"/>
      <c r="IH10" s="19"/>
      <c r="II10" s="19"/>
      <c r="IJ10" s="19"/>
      <c r="IK10" s="19"/>
      <c r="IL10" s="19"/>
      <c r="IM10" s="19"/>
      <c r="IN10" s="19"/>
      <c r="IO10" s="19"/>
      <c r="IP10" s="19"/>
      <c r="IQ10" s="19"/>
      <c r="IR10" s="19"/>
      <c r="IS10" s="19"/>
      <c r="IT10" s="19"/>
      <c r="IU10" s="19"/>
      <c r="IV10" s="19"/>
      <c r="IW10" s="19"/>
      <c r="IX10" s="19"/>
      <c r="IY10" s="19"/>
      <c r="IZ10" s="19"/>
      <c r="JA10" s="19"/>
      <c r="JB10" s="19"/>
      <c r="JC10" s="19"/>
      <c r="JD10" s="19"/>
      <c r="JE10" s="19"/>
      <c r="JF10" s="19"/>
      <c r="JG10" s="19"/>
      <c r="JH10" s="19"/>
      <c r="JI10" s="19"/>
      <c r="JJ10" s="19"/>
      <c r="JK10" s="19"/>
      <c r="JL10" s="19"/>
      <c r="JM10" s="19"/>
      <c r="JN10" s="19"/>
      <c r="JO10" s="19"/>
      <c r="JP10" s="19"/>
      <c r="JQ10" s="19"/>
      <c r="JR10" s="19"/>
      <c r="JS10" s="19"/>
      <c r="JT10" s="19"/>
      <c r="JU10" s="19"/>
      <c r="JV10" s="19"/>
      <c r="JW10" s="19"/>
      <c r="JX10" s="19"/>
      <c r="JY10" s="19"/>
      <c r="JZ10" s="19"/>
      <c r="KA10" s="19"/>
      <c r="KB10" s="19"/>
      <c r="KC10" s="19"/>
      <c r="KD10" s="19"/>
      <c r="KE10" s="19"/>
      <c r="KF10" s="19"/>
      <c r="KG10" s="19"/>
      <c r="KH10" s="19"/>
      <c r="KI10" s="19"/>
      <c r="KJ10" s="19"/>
      <c r="KK10" s="19"/>
      <c r="KL10" s="19"/>
      <c r="KM10" s="19"/>
      <c r="KN10" s="19"/>
      <c r="KO10" s="19"/>
      <c r="KP10" s="19"/>
      <c r="KQ10" s="19"/>
      <c r="KR10" s="19"/>
      <c r="KS10" s="19"/>
      <c r="KT10" s="19"/>
      <c r="KU10" s="19"/>
      <c r="KV10" s="19"/>
      <c r="KW10" s="19"/>
      <c r="KX10" s="19"/>
      <c r="KY10" s="19"/>
      <c r="KZ10" s="19"/>
      <c r="LA10" s="19"/>
      <c r="LB10" s="19"/>
      <c r="LC10" s="19"/>
      <c r="LD10" s="19"/>
      <c r="LE10" s="19"/>
      <c r="LF10" s="19"/>
      <c r="LG10" s="19"/>
      <c r="LH10" s="19"/>
      <c r="LI10" s="19"/>
      <c r="LJ10" s="19"/>
      <c r="LK10" s="19"/>
      <c r="LL10" s="19"/>
      <c r="LM10" s="19"/>
      <c r="LN10" s="19"/>
      <c r="LO10" s="19"/>
      <c r="LP10" s="19"/>
      <c r="LQ10" s="19"/>
      <c r="LR10" s="19"/>
      <c r="LS10" s="19"/>
      <c r="LT10" s="19"/>
      <c r="LU10" s="19"/>
      <c r="LV10" s="19"/>
      <c r="LW10" s="19"/>
      <c r="LX10" s="19"/>
      <c r="LY10" s="19"/>
      <c r="LZ10" s="19"/>
      <c r="MA10" s="19"/>
      <c r="MB10" s="19"/>
      <c r="MC10" s="19"/>
      <c r="MD10" s="19"/>
      <c r="ME10" s="19"/>
      <c r="MF10" s="19"/>
      <c r="MG10" s="19"/>
      <c r="MH10" s="19"/>
      <c r="MI10" s="19"/>
      <c r="MJ10" s="19"/>
      <c r="MK10" s="19"/>
      <c r="ML10" s="19"/>
      <c r="MM10" s="19"/>
      <c r="MN10" s="19"/>
      <c r="MO10" s="19"/>
      <c r="MP10" s="19"/>
      <c r="MQ10" s="19"/>
      <c r="MR10" s="19"/>
      <c r="MS10" s="19"/>
      <c r="MT10" s="19"/>
      <c r="MU10" s="19"/>
      <c r="MV10" s="19"/>
      <c r="MW10" s="19"/>
      <c r="MX10" s="19"/>
      <c r="MY10" s="19"/>
      <c r="MZ10" s="19"/>
      <c r="NA10" s="19"/>
      <c r="NB10" s="19"/>
      <c r="NC10" s="19"/>
      <c r="ND10" s="19"/>
      <c r="NE10" s="19"/>
      <c r="NF10" s="19"/>
      <c r="NG10" s="19"/>
      <c r="NH10" s="19"/>
      <c r="NI10" s="19"/>
      <c r="NJ10" s="19"/>
      <c r="NK10" s="19"/>
      <c r="NL10" s="19"/>
      <c r="NM10" s="19"/>
      <c r="NN10" s="19"/>
      <c r="NO10" s="19"/>
      <c r="NP10" s="19"/>
      <c r="NQ10" s="19"/>
      <c r="NR10" s="19"/>
      <c r="NS10" s="19"/>
      <c r="NT10" s="19"/>
      <c r="NU10" s="19"/>
      <c r="NV10" s="19"/>
      <c r="NW10" s="19"/>
      <c r="NX10" s="19"/>
      <c r="NY10" s="19"/>
      <c r="NZ10" s="19"/>
      <c r="OA10" s="19"/>
      <c r="OB10" s="19"/>
      <c r="OC10" s="19"/>
      <c r="OD10" s="19"/>
      <c r="OE10" s="19"/>
      <c r="OF10" s="19"/>
      <c r="OG10" s="19"/>
      <c r="OH10" s="19"/>
      <c r="OI10" s="19"/>
      <c r="OJ10" s="19"/>
      <c r="OK10" s="19"/>
      <c r="OL10" s="19"/>
      <c r="OM10" s="19"/>
      <c r="ON10" s="19"/>
      <c r="OO10" s="19"/>
      <c r="OP10" s="19"/>
      <c r="OQ10" s="19"/>
      <c r="OR10" s="19"/>
      <c r="OS10" s="19"/>
      <c r="OT10" s="19"/>
      <c r="OU10" s="19"/>
      <c r="OV10" s="19"/>
      <c r="OW10" s="19"/>
      <c r="OX10" s="19"/>
      <c r="OY10" s="19"/>
      <c r="OZ10" s="19"/>
      <c r="PA10" s="19"/>
      <c r="PB10" s="19"/>
      <c r="PC10" s="19"/>
      <c r="PD10" s="19"/>
      <c r="PE10" s="19"/>
      <c r="PF10" s="19"/>
      <c r="PG10" s="19"/>
      <c r="PH10" s="19"/>
      <c r="PI10" s="19"/>
      <c r="PJ10" s="19"/>
      <c r="PK10" s="19"/>
      <c r="PL10" s="19"/>
      <c r="PM10" s="19"/>
      <c r="PN10" s="19"/>
      <c r="PO10" s="19"/>
      <c r="PP10" s="19"/>
      <c r="PQ10" s="19"/>
      <c r="PR10" s="19"/>
      <c r="PS10" s="19"/>
      <c r="PT10" s="19"/>
      <c r="PU10" s="19"/>
      <c r="PV10" s="19"/>
      <c r="PW10" s="19"/>
      <c r="PX10" s="19"/>
      <c r="PY10" s="19"/>
      <c r="PZ10" s="19"/>
      <c r="QA10" s="19"/>
      <c r="QB10" s="19"/>
      <c r="QC10" s="19"/>
      <c r="QD10" s="19"/>
      <c r="QE10" s="19"/>
      <c r="QF10" s="19"/>
      <c r="QG10" s="19"/>
      <c r="QH10" s="19"/>
      <c r="QI10" s="19"/>
      <c r="QJ10" s="19"/>
      <c r="QK10" s="19"/>
      <c r="QL10" s="19"/>
      <c r="QM10" s="19"/>
      <c r="QN10" s="19"/>
      <c r="QO10" s="19"/>
      <c r="QP10" s="19"/>
      <c r="QQ10" s="19"/>
      <c r="QR10" s="19"/>
      <c r="QS10" s="19"/>
      <c r="QT10" s="19"/>
      <c r="QU10" s="19"/>
      <c r="QV10" s="19"/>
      <c r="QW10" s="19"/>
      <c r="QX10" s="19"/>
      <c r="QY10" s="19"/>
      <c r="QZ10" s="19"/>
      <c r="RA10" s="19"/>
      <c r="RB10" s="19"/>
      <c r="RC10" s="19"/>
      <c r="RD10" s="19"/>
      <c r="RE10" s="19"/>
      <c r="RF10" s="19"/>
      <c r="RG10" s="19"/>
      <c r="RH10" s="19"/>
      <c r="RI10" s="19"/>
      <c r="RJ10" s="19"/>
      <c r="RK10" s="19"/>
      <c r="RL10" s="19"/>
      <c r="RM10" s="19"/>
      <c r="RN10" s="19"/>
      <c r="RO10" s="19"/>
      <c r="RP10" s="19"/>
      <c r="RQ10" s="19"/>
      <c r="RR10" s="19"/>
      <c r="RS10" s="19"/>
      <c r="RT10" s="19"/>
      <c r="RU10" s="19"/>
      <c r="RV10" s="19"/>
      <c r="RW10" s="19"/>
      <c r="RX10" s="19"/>
      <c r="RY10" s="19"/>
      <c r="RZ10" s="19"/>
      <c r="SA10" s="19"/>
      <c r="SB10" s="19"/>
      <c r="SC10" s="19"/>
      <c r="SD10" s="19"/>
      <c r="SE10" s="19"/>
      <c r="SF10" s="19"/>
      <c r="SG10" s="19"/>
      <c r="SH10" s="19"/>
      <c r="SI10" s="19"/>
      <c r="SJ10" s="19"/>
      <c r="SK10" s="19"/>
      <c r="SL10" s="19"/>
      <c r="SM10" s="19"/>
      <c r="SN10" s="19"/>
      <c r="SO10" s="19"/>
      <c r="SP10" s="19"/>
      <c r="SQ10" s="19"/>
      <c r="SR10" s="19"/>
      <c r="SS10" s="19"/>
      <c r="ST10" s="19"/>
      <c r="SU10" s="19"/>
      <c r="SV10" s="19"/>
      <c r="SW10" s="19"/>
      <c r="SX10" s="19"/>
      <c r="SY10" s="19"/>
      <c r="SZ10" s="19"/>
      <c r="TA10" s="19"/>
      <c r="TB10" s="19"/>
      <c r="TC10" s="19"/>
      <c r="TD10" s="19"/>
      <c r="TE10" s="19"/>
      <c r="TF10" s="19"/>
      <c r="TG10" s="19"/>
      <c r="TH10" s="19"/>
      <c r="TI10" s="19"/>
      <c r="TJ10" s="19"/>
      <c r="TK10" s="19"/>
      <c r="TL10" s="19"/>
      <c r="TM10" s="19"/>
      <c r="TN10" s="19"/>
      <c r="TO10" s="19"/>
      <c r="TP10" s="19"/>
      <c r="TQ10" s="19"/>
      <c r="TR10" s="19"/>
      <c r="TS10" s="19"/>
      <c r="TT10" s="19"/>
      <c r="TU10" s="19"/>
      <c r="TV10" s="19"/>
      <c r="TW10" s="19"/>
      <c r="TX10" s="19"/>
      <c r="TY10" s="19"/>
      <c r="TZ10" s="19"/>
      <c r="UA10" s="19"/>
      <c r="UB10" s="19"/>
      <c r="UC10" s="19"/>
      <c r="UD10" s="19"/>
      <c r="UE10" s="19"/>
      <c r="UF10" s="19"/>
      <c r="UG10" s="19"/>
      <c r="UH10" s="19"/>
      <c r="UI10" s="19"/>
      <c r="UJ10" s="19"/>
      <c r="UK10" s="19"/>
      <c r="UL10" s="19"/>
      <c r="UM10" s="19"/>
      <c r="UN10" s="19"/>
      <c r="UO10" s="19"/>
      <c r="UP10" s="19"/>
      <c r="UQ10" s="19"/>
      <c r="UR10" s="19"/>
      <c r="US10" s="19"/>
      <c r="UT10" s="19"/>
      <c r="UU10" s="19"/>
      <c r="UV10" s="19"/>
      <c r="UW10" s="19"/>
      <c r="UX10" s="19"/>
      <c r="UY10" s="19"/>
      <c r="UZ10" s="19"/>
      <c r="VA10" s="19"/>
      <c r="VB10" s="19"/>
      <c r="VC10" s="19"/>
      <c r="VD10" s="19"/>
      <c r="VE10" s="19"/>
      <c r="VF10" s="19"/>
      <c r="VG10" s="19"/>
      <c r="VH10" s="19"/>
      <c r="VI10" s="19"/>
      <c r="VJ10" s="19"/>
      <c r="VK10" s="19"/>
      <c r="VL10" s="19"/>
      <c r="VM10" s="19"/>
      <c r="VN10" s="19"/>
      <c r="VO10" s="19"/>
      <c r="VP10" s="19"/>
      <c r="VQ10" s="19"/>
      <c r="VR10" s="19"/>
      <c r="VS10" s="19"/>
      <c r="VT10" s="19"/>
      <c r="VU10" s="19"/>
      <c r="VV10" s="19"/>
      <c r="VW10" s="19"/>
      <c r="VX10" s="19"/>
      <c r="VY10" s="19"/>
      <c r="VZ10" s="19"/>
      <c r="WA10" s="19"/>
      <c r="WB10" s="19"/>
      <c r="WC10" s="19"/>
      <c r="WD10" s="19"/>
      <c r="WE10" s="19"/>
      <c r="WF10" s="19"/>
      <c r="WG10" s="19"/>
      <c r="WH10" s="19"/>
      <c r="WI10" s="19"/>
      <c r="WJ10" s="19"/>
      <c r="WK10" s="19"/>
      <c r="WL10" s="19"/>
      <c r="WM10" s="19"/>
      <c r="WN10" s="19"/>
      <c r="WO10" s="19"/>
      <c r="WP10" s="19"/>
      <c r="WQ10" s="19"/>
      <c r="WR10" s="19"/>
      <c r="WS10" s="19"/>
      <c r="WT10" s="19"/>
      <c r="WU10" s="19"/>
      <c r="WV10" s="19"/>
      <c r="WW10" s="19"/>
      <c r="WX10" s="19"/>
      <c r="WY10" s="19"/>
      <c r="WZ10" s="19"/>
      <c r="XA10" s="19"/>
      <c r="XB10" s="19"/>
      <c r="XC10" s="19"/>
      <c r="XD10" s="19"/>
      <c r="XE10" s="19"/>
      <c r="XF10" s="19"/>
      <c r="XG10" s="19"/>
      <c r="XH10" s="19"/>
      <c r="XI10" s="19"/>
      <c r="XJ10" s="19"/>
      <c r="XK10" s="19"/>
      <c r="XL10" s="19"/>
      <c r="XM10" s="19"/>
      <c r="XN10" s="19"/>
      <c r="XO10" s="19"/>
      <c r="XP10" s="19"/>
      <c r="XQ10" s="19"/>
      <c r="XR10" s="19"/>
      <c r="XS10" s="19"/>
      <c r="XT10" s="19"/>
      <c r="XU10" s="19"/>
      <c r="XV10" s="19"/>
      <c r="XW10" s="19"/>
      <c r="XX10" s="19"/>
      <c r="XY10" s="19"/>
      <c r="XZ10" s="19"/>
      <c r="YA10" s="19"/>
      <c r="YB10" s="19"/>
      <c r="YC10" s="19"/>
      <c r="YD10" s="19"/>
      <c r="YE10" s="19"/>
      <c r="YF10" s="19"/>
      <c r="YG10" s="19"/>
      <c r="YH10" s="19"/>
      <c r="YI10" s="19"/>
      <c r="YJ10" s="19"/>
      <c r="YK10" s="19"/>
      <c r="YL10" s="19"/>
      <c r="YM10" s="19"/>
      <c r="YN10" s="19"/>
      <c r="YO10" s="19"/>
      <c r="YP10" s="19"/>
      <c r="YQ10" s="19"/>
      <c r="YR10" s="19"/>
      <c r="YS10" s="19"/>
      <c r="YT10" s="19"/>
      <c r="YU10" s="19"/>
      <c r="YV10" s="19"/>
      <c r="YW10" s="19"/>
      <c r="YX10" s="19"/>
      <c r="YY10" s="19"/>
      <c r="YZ10" s="19"/>
      <c r="ZA10" s="19"/>
      <c r="ZB10" s="19"/>
      <c r="ZC10" s="19"/>
      <c r="ZD10" s="19"/>
      <c r="ZE10" s="19"/>
      <c r="ZF10" s="19"/>
      <c r="ZG10" s="19"/>
      <c r="ZH10" s="19"/>
      <c r="ZI10" s="19"/>
      <c r="ZJ10" s="19"/>
      <c r="ZK10" s="19"/>
      <c r="ZL10" s="19"/>
      <c r="ZM10" s="19"/>
      <c r="ZN10" s="19"/>
      <c r="ZO10" s="19"/>
      <c r="ZP10" s="19"/>
      <c r="ZQ10" s="19"/>
      <c r="ZR10" s="19"/>
      <c r="ZS10" s="19"/>
      <c r="ZT10" s="19"/>
      <c r="ZU10" s="19"/>
      <c r="ZV10" s="19"/>
      <c r="ZW10" s="19"/>
      <c r="ZX10" s="19"/>
      <c r="ZY10" s="19"/>
      <c r="ZZ10" s="19"/>
      <c r="AAA10" s="19"/>
      <c r="AAB10" s="19"/>
      <c r="AAC10" s="19"/>
      <c r="AAD10" s="19"/>
      <c r="AAE10" s="19"/>
      <c r="AAF10" s="19"/>
      <c r="AAG10" s="19"/>
      <c r="AAH10" s="19"/>
      <c r="AAI10" s="19"/>
      <c r="AAJ10" s="19"/>
      <c r="AAK10" s="19"/>
      <c r="AAL10" s="19"/>
      <c r="AAM10" s="19"/>
      <c r="AAN10" s="19"/>
      <c r="AAO10" s="19"/>
      <c r="AAP10" s="19"/>
      <c r="AAQ10" s="19"/>
      <c r="AAR10" s="19"/>
      <c r="AAS10" s="19"/>
      <c r="AAT10" s="19"/>
      <c r="AAU10" s="19"/>
      <c r="AAV10" s="19"/>
      <c r="AAW10" s="19"/>
      <c r="AAX10" s="19"/>
      <c r="AAY10" s="19"/>
      <c r="AAZ10" s="19"/>
      <c r="ABA10" s="19"/>
      <c r="ABB10" s="19"/>
      <c r="ABC10" s="19"/>
      <c r="ABD10" s="19"/>
      <c r="ABE10" s="19"/>
      <c r="ABF10" s="19"/>
      <c r="ABG10" s="19"/>
      <c r="ABH10" s="19"/>
      <c r="ABI10" s="19"/>
      <c r="ABJ10" s="19"/>
      <c r="ABK10" s="19"/>
      <c r="ABL10" s="19"/>
      <c r="ABM10" s="19"/>
      <c r="ABN10" s="19"/>
      <c r="ABO10" s="19"/>
      <c r="ABP10" s="19"/>
      <c r="ABQ10" s="19"/>
      <c r="ABR10" s="19"/>
      <c r="ABS10" s="19"/>
      <c r="ABT10" s="19"/>
      <c r="ABU10" s="19"/>
      <c r="ABV10" s="19"/>
      <c r="ABW10" s="19"/>
      <c r="ABX10" s="19"/>
      <c r="ABY10" s="19"/>
      <c r="ABZ10" s="19"/>
      <c r="ACA10" s="19"/>
      <c r="ACB10" s="19"/>
      <c r="ACC10" s="19"/>
      <c r="ACD10" s="19"/>
      <c r="ACE10" s="19"/>
      <c r="ACF10" s="19"/>
      <c r="ACG10" s="19"/>
      <c r="ACH10" s="19"/>
      <c r="ACI10" s="19"/>
      <c r="ACJ10" s="19"/>
      <c r="ACK10" s="19"/>
      <c r="ACL10" s="19"/>
      <c r="ACM10" s="19"/>
      <c r="ACN10" s="19"/>
      <c r="ACO10" s="19"/>
      <c r="ACP10" s="19"/>
      <c r="ACQ10" s="19"/>
      <c r="ACR10" s="19"/>
      <c r="ACS10" s="19"/>
      <c r="ACT10" s="19"/>
      <c r="ACU10" s="19"/>
      <c r="ACV10" s="19"/>
      <c r="ACW10" s="19"/>
      <c r="ACX10" s="19"/>
      <c r="ACY10" s="19"/>
      <c r="ACZ10" s="19"/>
      <c r="ADA10" s="19"/>
      <c r="ADB10" s="19"/>
      <c r="ADC10" s="19"/>
      <c r="ADD10" s="19"/>
      <c r="ADE10" s="19"/>
      <c r="ADF10" s="19"/>
      <c r="ADG10" s="19"/>
      <c r="ADH10" s="19"/>
      <c r="ADI10" s="19"/>
      <c r="ADJ10" s="19"/>
      <c r="ADK10" s="19"/>
      <c r="ADL10" s="19"/>
      <c r="ADM10" s="19"/>
      <c r="ADN10" s="19"/>
      <c r="ADO10" s="19"/>
      <c r="ADP10" s="19"/>
      <c r="ADQ10" s="19"/>
      <c r="ADR10" s="19"/>
      <c r="ADS10" s="19"/>
      <c r="ADT10" s="19"/>
      <c r="ADU10" s="19"/>
      <c r="ADV10" s="19"/>
      <c r="ADW10" s="19"/>
      <c r="ADX10" s="19"/>
      <c r="ADY10" s="19"/>
      <c r="ADZ10" s="19"/>
      <c r="AEA10" s="19"/>
      <c r="AEB10" s="19"/>
      <c r="AEC10" s="19"/>
      <c r="AED10" s="19"/>
      <c r="AEE10" s="19"/>
      <c r="AEF10" s="19"/>
      <c r="AEG10" s="19"/>
      <c r="AEH10" s="19"/>
      <c r="AEI10" s="19"/>
      <c r="AEJ10" s="19"/>
      <c r="AEK10" s="19"/>
      <c r="AEL10" s="19"/>
      <c r="AEM10" s="19"/>
      <c r="AEN10" s="19"/>
      <c r="AEO10" s="19"/>
      <c r="AEP10" s="19"/>
      <c r="AEQ10" s="19"/>
      <c r="AER10" s="19"/>
      <c r="AES10" s="19"/>
      <c r="AET10" s="19"/>
      <c r="AEU10" s="19"/>
      <c r="AEV10" s="19"/>
      <c r="AEW10" s="19"/>
      <c r="AEX10" s="19"/>
      <c r="AEY10" s="19"/>
      <c r="AEZ10" s="19"/>
      <c r="AFA10" s="19"/>
      <c r="AFB10" s="19"/>
      <c r="AFC10" s="19"/>
      <c r="AFD10" s="19"/>
      <c r="AFE10" s="19"/>
      <c r="AFF10" s="19"/>
      <c r="AFG10" s="19"/>
      <c r="AFH10" s="19"/>
      <c r="AFI10" s="19"/>
      <c r="AFJ10" s="19"/>
      <c r="AFK10" s="19"/>
      <c r="AFL10" s="19"/>
      <c r="AFM10" s="19"/>
      <c r="AFN10" s="19"/>
      <c r="AFO10" s="19"/>
      <c r="AFP10" s="19"/>
      <c r="AFQ10" s="19"/>
      <c r="AFR10" s="19"/>
      <c r="AFS10" s="19"/>
      <c r="AFT10" s="19"/>
      <c r="AFU10" s="19"/>
      <c r="AFV10" s="19"/>
      <c r="AFW10" s="19"/>
      <c r="AFX10" s="19"/>
      <c r="AFY10" s="19"/>
      <c r="AFZ10" s="19"/>
      <c r="AGA10" s="19"/>
      <c r="AGB10" s="19"/>
      <c r="AGC10" s="19"/>
      <c r="AGD10" s="19"/>
      <c r="AGE10" s="19"/>
      <c r="AGF10" s="19"/>
      <c r="AGG10" s="19"/>
      <c r="AGH10" s="19"/>
      <c r="AGI10" s="19"/>
      <c r="AGJ10" s="19"/>
      <c r="AGK10" s="19"/>
      <c r="AGL10" s="19"/>
      <c r="AGM10" s="19"/>
      <c r="AGN10" s="19"/>
      <c r="AGO10" s="19"/>
      <c r="AGP10" s="19"/>
      <c r="AGQ10" s="19"/>
      <c r="AGR10" s="19"/>
      <c r="AGS10" s="19"/>
      <c r="AGT10" s="19"/>
      <c r="AGU10" s="19"/>
      <c r="AGV10" s="19"/>
      <c r="AGW10" s="19"/>
      <c r="AGX10" s="19"/>
      <c r="AGY10" s="19"/>
      <c r="AGZ10" s="19"/>
      <c r="AHA10" s="19"/>
      <c r="AHB10" s="19"/>
      <c r="AHC10" s="19"/>
      <c r="AHD10" s="19"/>
      <c r="AHE10" s="19"/>
      <c r="AHF10" s="19"/>
      <c r="AHG10" s="19"/>
      <c r="AHH10" s="19"/>
      <c r="AHI10" s="19"/>
      <c r="AHJ10" s="19"/>
      <c r="AHK10" s="19"/>
      <c r="AHL10" s="19"/>
      <c r="AHM10" s="19"/>
      <c r="AHN10" s="19"/>
      <c r="AHO10" s="19"/>
      <c r="AHP10" s="19"/>
      <c r="AHQ10" s="19"/>
      <c r="AHR10" s="19"/>
      <c r="AHS10" s="19"/>
      <c r="AHT10" s="19"/>
      <c r="AHU10" s="19"/>
      <c r="AHV10" s="19"/>
      <c r="AHW10" s="19"/>
      <c r="AHX10" s="19"/>
      <c r="AHY10" s="19"/>
      <c r="AHZ10" s="19"/>
      <c r="AIA10" s="19"/>
      <c r="AIB10" s="19"/>
      <c r="AIC10" s="19"/>
      <c r="AID10" s="19"/>
      <c r="AIE10" s="19"/>
      <c r="AIF10" s="19"/>
      <c r="AIG10" s="19"/>
      <c r="AIH10" s="19"/>
      <c r="AII10" s="19"/>
      <c r="AIJ10" s="19"/>
      <c r="AIK10" s="19"/>
      <c r="AIL10" s="19"/>
      <c r="AIM10" s="19"/>
      <c r="AIN10" s="19"/>
      <c r="AIO10" s="19"/>
      <c r="AIP10" s="19"/>
      <c r="AIQ10" s="19"/>
      <c r="AIR10" s="19"/>
      <c r="AIS10" s="19"/>
      <c r="AIT10" s="19"/>
      <c r="AIU10" s="19"/>
      <c r="AIV10" s="19"/>
      <c r="AIW10" s="19"/>
      <c r="AIX10" s="19"/>
      <c r="AIY10" s="19"/>
      <c r="AIZ10" s="19"/>
      <c r="AJA10" s="19"/>
      <c r="AJB10" s="19"/>
      <c r="AJC10" s="19"/>
      <c r="AJD10" s="19"/>
      <c r="AJE10" s="19"/>
      <c r="AJF10" s="19"/>
      <c r="AJG10" s="19"/>
      <c r="AJH10" s="19"/>
      <c r="AJI10" s="19"/>
      <c r="AJJ10" s="19"/>
      <c r="AJK10" s="19"/>
      <c r="AJL10" s="19"/>
      <c r="AJM10" s="19"/>
      <c r="AJN10" s="19"/>
      <c r="AJO10" s="19"/>
      <c r="AJP10" s="19"/>
      <c r="AJQ10" s="19"/>
      <c r="AJR10" s="19"/>
      <c r="AJS10" s="19"/>
      <c r="AJT10" s="19"/>
      <c r="AJU10" s="19"/>
      <c r="AJV10" s="19"/>
      <c r="AJW10" s="19"/>
      <c r="AJX10" s="19"/>
      <c r="AJY10" s="19"/>
      <c r="AJZ10" s="19"/>
      <c r="AKA10" s="19"/>
      <c r="AKB10" s="19"/>
      <c r="AKC10" s="19"/>
      <c r="AKD10" s="19"/>
      <c r="AKE10" s="19"/>
      <c r="AKF10" s="19"/>
      <c r="AKG10" s="19"/>
      <c r="AKH10" s="19"/>
      <c r="AKI10" s="19"/>
      <c r="AKJ10" s="19"/>
      <c r="AKK10" s="19"/>
      <c r="AKL10" s="19"/>
      <c r="AKM10" s="19"/>
      <c r="AKN10" s="19"/>
      <c r="AKO10" s="19"/>
      <c r="AKP10" s="19"/>
      <c r="AKQ10" s="19"/>
      <c r="AKR10" s="19"/>
      <c r="AKS10" s="19"/>
      <c r="AKT10" s="19"/>
      <c r="AKU10" s="19"/>
      <c r="AKV10" s="19"/>
      <c r="AKW10" s="19"/>
      <c r="AKX10" s="19"/>
      <c r="AKY10" s="19"/>
      <c r="AKZ10" s="19"/>
      <c r="ALA10" s="19"/>
      <c r="ALB10" s="19"/>
      <c r="ALC10" s="19"/>
      <c r="ALD10" s="19"/>
      <c r="ALE10" s="19"/>
      <c r="ALF10" s="19"/>
      <c r="ALG10" s="19"/>
      <c r="ALH10" s="19"/>
      <c r="ALI10" s="19"/>
      <c r="ALJ10" s="19"/>
      <c r="ALK10" s="19"/>
      <c r="ALL10" s="19"/>
      <c r="ALM10" s="19"/>
      <c r="ALN10" s="19"/>
      <c r="ALO10" s="19"/>
      <c r="ALP10" s="19"/>
      <c r="ALQ10" s="19"/>
      <c r="ALR10" s="19"/>
      <c r="ALS10" s="19"/>
      <c r="ALT10" s="19"/>
      <c r="ALU10" s="19"/>
      <c r="ALV10" s="19"/>
      <c r="ALW10" s="19"/>
      <c r="ALX10" s="19"/>
      <c r="ALY10" s="19"/>
      <c r="ALZ10" s="19"/>
      <c r="AMA10" s="19"/>
      <c r="AMB10" s="19"/>
      <c r="AMC10" s="19"/>
      <c r="AMD10" s="19"/>
      <c r="AME10" s="19"/>
      <c r="AMF10" s="19"/>
      <c r="AMG10" s="19"/>
      <c r="AMH10" s="19"/>
      <c r="AMI10" s="19"/>
      <c r="AMJ10" s="19"/>
      <c r="AMK10" s="19"/>
      <c r="AML10" s="19"/>
      <c r="AMM10" s="19"/>
      <c r="AMN10" s="19"/>
      <c r="AMO10" s="19"/>
      <c r="AMP10" s="19"/>
      <c r="AMQ10" s="19"/>
      <c r="AMR10" s="19"/>
      <c r="AMS10" s="19"/>
      <c r="AMT10" s="19"/>
      <c r="AMU10" s="19"/>
      <c r="AMV10" s="19"/>
      <c r="AMW10" s="19"/>
      <c r="AMX10" s="19"/>
      <c r="AMY10" s="19"/>
      <c r="AMZ10" s="19"/>
      <c r="ANA10" s="19"/>
      <c r="ANB10" s="19"/>
      <c r="ANC10" s="19"/>
      <c r="AND10" s="19"/>
      <c r="ANE10" s="19"/>
      <c r="ANF10" s="19"/>
      <c r="ANG10" s="19"/>
      <c r="ANH10" s="19"/>
      <c r="ANI10" s="19"/>
      <c r="ANJ10" s="19"/>
      <c r="ANK10" s="19"/>
      <c r="ANL10" s="19"/>
      <c r="ANM10" s="19"/>
      <c r="ANN10" s="19"/>
      <c r="ANO10" s="19"/>
      <c r="ANP10" s="19"/>
      <c r="ANQ10" s="19"/>
      <c r="ANR10" s="19"/>
      <c r="ANS10" s="19"/>
      <c r="ANT10" s="19"/>
      <c r="ANU10" s="19"/>
      <c r="ANV10" s="19"/>
      <c r="ANW10" s="19"/>
      <c r="ANX10" s="19"/>
      <c r="ANY10" s="19"/>
      <c r="ANZ10" s="19"/>
      <c r="AOA10" s="19"/>
      <c r="AOB10" s="19"/>
      <c r="AOC10" s="19"/>
      <c r="AOD10" s="19"/>
      <c r="AOE10" s="19"/>
      <c r="AOF10" s="19"/>
      <c r="AOG10" s="19"/>
      <c r="AOH10" s="19"/>
      <c r="AOI10" s="19"/>
      <c r="AOJ10" s="19"/>
      <c r="AOK10" s="19"/>
      <c r="AOL10" s="19"/>
      <c r="AOM10" s="19"/>
      <c r="AON10" s="19"/>
      <c r="AOO10" s="19"/>
      <c r="AOP10" s="19"/>
      <c r="AOQ10" s="19"/>
      <c r="AOR10" s="19"/>
      <c r="AOS10" s="19"/>
      <c r="AOT10" s="19"/>
      <c r="AOU10" s="19"/>
      <c r="AOV10" s="19"/>
      <c r="AOW10" s="19"/>
      <c r="AOX10" s="19"/>
      <c r="AOY10" s="19"/>
      <c r="AOZ10" s="19"/>
      <c r="APA10" s="19"/>
      <c r="APB10" s="19"/>
      <c r="APC10" s="19"/>
      <c r="APD10" s="19"/>
      <c r="APE10" s="19"/>
      <c r="APF10" s="19"/>
      <c r="APG10" s="19"/>
      <c r="APH10" s="19"/>
      <c r="API10" s="19"/>
      <c r="APJ10" s="19"/>
      <c r="APK10" s="19"/>
      <c r="APL10" s="19"/>
      <c r="APM10" s="19"/>
      <c r="APN10" s="19"/>
      <c r="APO10" s="19"/>
      <c r="APP10" s="19"/>
      <c r="APQ10" s="19"/>
      <c r="APR10" s="19"/>
      <c r="APS10" s="19"/>
      <c r="APT10" s="19"/>
      <c r="APU10" s="19"/>
      <c r="APV10" s="19"/>
      <c r="APW10" s="19"/>
      <c r="APX10" s="19"/>
      <c r="APY10" s="19"/>
      <c r="APZ10" s="19"/>
      <c r="AQA10" s="19"/>
      <c r="AQB10" s="19"/>
      <c r="AQC10" s="19"/>
      <c r="AQD10" s="19"/>
      <c r="AQE10" s="19"/>
      <c r="AQF10" s="19"/>
      <c r="AQG10" s="19"/>
      <c r="AQH10" s="19"/>
      <c r="AQI10" s="19"/>
      <c r="AQJ10" s="19"/>
      <c r="AQK10" s="19"/>
      <c r="AQL10" s="19"/>
      <c r="AQM10" s="19"/>
      <c r="AQN10" s="19"/>
      <c r="AQO10" s="19"/>
      <c r="AQP10" s="19"/>
      <c r="AQQ10" s="19"/>
      <c r="AQR10" s="19"/>
      <c r="AQS10" s="19"/>
      <c r="AQT10" s="19"/>
      <c r="AQU10" s="19"/>
      <c r="AQV10" s="19"/>
      <c r="AQW10" s="19"/>
      <c r="AQX10" s="19"/>
      <c r="AQY10" s="19"/>
      <c r="AQZ10" s="19"/>
      <c r="ARA10" s="19"/>
      <c r="ARB10" s="19"/>
      <c r="ARC10" s="19"/>
      <c r="ARD10" s="19"/>
      <c r="ARE10" s="19"/>
      <c r="ARF10" s="19"/>
      <c r="ARG10" s="19"/>
      <c r="ARH10" s="19"/>
      <c r="ARI10" s="19"/>
      <c r="ARJ10" s="19"/>
      <c r="ARK10" s="19"/>
      <c r="ARL10" s="19"/>
      <c r="ARM10" s="19"/>
      <c r="ARN10" s="19"/>
      <c r="ARO10" s="19"/>
      <c r="ARP10" s="19"/>
      <c r="ARQ10" s="19"/>
      <c r="ARR10" s="19"/>
      <c r="ARS10" s="19"/>
      <c r="ART10" s="19"/>
      <c r="ARU10" s="19"/>
      <c r="ARV10" s="19"/>
      <c r="ARW10" s="19"/>
      <c r="ARX10" s="19"/>
      <c r="ARY10" s="19"/>
      <c r="ARZ10" s="19"/>
      <c r="ASA10" s="19"/>
      <c r="ASB10" s="19"/>
      <c r="ASC10" s="19"/>
      <c r="ASD10" s="19"/>
      <c r="ASE10" s="19"/>
      <c r="ASF10" s="19"/>
      <c r="ASG10" s="19"/>
      <c r="ASH10" s="19"/>
      <c r="ASI10" s="19"/>
      <c r="ASJ10" s="19"/>
      <c r="ASK10" s="19"/>
      <c r="ASL10" s="19"/>
      <c r="ASM10" s="19"/>
      <c r="ASN10" s="19"/>
      <c r="ASO10" s="19"/>
      <c r="ASP10" s="19"/>
      <c r="ASQ10" s="19"/>
      <c r="ASR10" s="19"/>
      <c r="ASS10" s="19"/>
      <c r="AST10" s="19"/>
      <c r="ASU10" s="19"/>
      <c r="ASV10" s="19"/>
      <c r="ASW10" s="19"/>
      <c r="ASX10" s="19"/>
      <c r="ASY10" s="19"/>
      <c r="ASZ10" s="19"/>
      <c r="ATA10" s="19"/>
      <c r="ATB10" s="19"/>
      <c r="ATC10" s="19"/>
      <c r="ATD10" s="19"/>
      <c r="ATE10" s="19"/>
      <c r="ATF10" s="19"/>
      <c r="ATG10" s="19"/>
      <c r="ATH10" s="19"/>
      <c r="ATI10" s="19"/>
      <c r="ATJ10" s="19"/>
      <c r="ATK10" s="19"/>
      <c r="ATL10" s="19"/>
      <c r="ATM10" s="19"/>
      <c r="ATN10" s="19"/>
      <c r="ATO10" s="19"/>
      <c r="ATP10" s="19"/>
      <c r="ATQ10" s="19"/>
      <c r="ATR10" s="19"/>
      <c r="ATS10" s="19"/>
      <c r="ATT10" s="19"/>
      <c r="ATU10" s="19"/>
      <c r="ATV10" s="19"/>
      <c r="ATW10" s="19"/>
      <c r="ATX10" s="19"/>
      <c r="ATY10" s="19"/>
      <c r="ATZ10" s="19"/>
      <c r="AUA10" s="19"/>
      <c r="AUB10" s="19"/>
      <c r="AUC10" s="19"/>
      <c r="AUD10" s="19"/>
      <c r="AUE10" s="19"/>
      <c r="AUF10" s="19"/>
      <c r="AUG10" s="19"/>
      <c r="AUH10" s="19"/>
      <c r="AUI10" s="19"/>
      <c r="AUJ10" s="19"/>
      <c r="AUK10" s="19"/>
      <c r="AUL10" s="19"/>
      <c r="AUM10" s="19"/>
      <c r="AUN10" s="19"/>
      <c r="AUO10" s="19"/>
      <c r="AUP10" s="19"/>
      <c r="AUQ10" s="19"/>
      <c r="AUR10" s="19"/>
      <c r="AUS10" s="19"/>
      <c r="AUT10" s="19"/>
      <c r="AUU10" s="19"/>
      <c r="AUV10" s="19"/>
      <c r="AUW10" s="19"/>
      <c r="AUX10" s="19"/>
      <c r="AUY10" s="19"/>
      <c r="AUZ10" s="19"/>
      <c r="AVA10" s="19"/>
      <c r="AVB10" s="19"/>
      <c r="AVC10" s="19"/>
      <c r="AVD10" s="19"/>
      <c r="AVE10" s="19"/>
      <c r="AVF10" s="19"/>
      <c r="AVG10" s="19"/>
      <c r="AVH10" s="19"/>
      <c r="AVI10" s="19"/>
      <c r="AVJ10" s="19"/>
      <c r="AVK10" s="19"/>
      <c r="AVL10" s="19"/>
      <c r="AVM10" s="19"/>
      <c r="AVN10" s="19"/>
      <c r="AVO10" s="19"/>
      <c r="AVP10" s="19"/>
      <c r="AVQ10" s="19"/>
      <c r="AVR10" s="19"/>
      <c r="AVS10" s="19"/>
      <c r="AVT10" s="19"/>
      <c r="AVU10" s="19"/>
      <c r="AVV10" s="19"/>
      <c r="AVW10" s="19"/>
      <c r="AVX10" s="19"/>
      <c r="AVY10" s="19"/>
      <c r="AVZ10" s="19"/>
      <c r="AWA10" s="19"/>
      <c r="AWB10" s="19"/>
      <c r="AWC10" s="19"/>
      <c r="AWD10" s="19"/>
      <c r="AWE10" s="19"/>
      <c r="AWF10" s="19"/>
      <c r="AWG10" s="19"/>
      <c r="AWH10" s="19"/>
      <c r="AWI10" s="19"/>
      <c r="AWJ10" s="19"/>
      <c r="AWK10" s="19"/>
      <c r="AWL10" s="19"/>
      <c r="AWM10" s="19"/>
      <c r="AWN10" s="19"/>
      <c r="AWO10" s="19"/>
      <c r="AWP10" s="19"/>
      <c r="AWQ10" s="19"/>
      <c r="AWR10" s="19"/>
      <c r="AWS10" s="19"/>
      <c r="AWT10" s="19"/>
      <c r="AWU10" s="19"/>
      <c r="AWV10" s="19"/>
      <c r="AWW10" s="19"/>
      <c r="AWX10" s="19"/>
      <c r="AWY10" s="19"/>
      <c r="AWZ10" s="19"/>
      <c r="AXA10" s="19"/>
      <c r="AXB10" s="19"/>
      <c r="AXC10" s="19"/>
      <c r="AXD10" s="19"/>
      <c r="AXE10" s="19"/>
      <c r="AXF10" s="19"/>
      <c r="AXG10" s="19"/>
      <c r="AXH10" s="19"/>
      <c r="AXI10" s="19"/>
      <c r="AXJ10" s="19"/>
      <c r="AXK10" s="19"/>
      <c r="AXL10" s="19"/>
      <c r="AXM10" s="19"/>
      <c r="AXN10" s="19"/>
      <c r="AXO10" s="19"/>
      <c r="AXP10" s="19"/>
      <c r="AXQ10" s="19"/>
      <c r="AXR10" s="19"/>
      <c r="AXS10" s="19"/>
      <c r="AXT10" s="19"/>
      <c r="AXU10" s="19"/>
      <c r="AXV10" s="19"/>
      <c r="AXW10" s="19"/>
      <c r="AXX10" s="19"/>
      <c r="AXY10" s="19"/>
      <c r="AXZ10" s="19"/>
      <c r="AYA10" s="19"/>
      <c r="AYB10" s="19"/>
      <c r="AYC10" s="19"/>
      <c r="AYD10" s="19"/>
      <c r="AYE10" s="19"/>
      <c r="AYF10" s="19"/>
      <c r="AYG10" s="19"/>
      <c r="AYH10" s="19"/>
      <c r="AYI10" s="19"/>
      <c r="AYJ10" s="19"/>
      <c r="AYK10" s="19"/>
      <c r="AYL10" s="19"/>
      <c r="AYM10" s="19"/>
      <c r="AYN10" s="19"/>
      <c r="AYO10" s="19"/>
      <c r="AYP10" s="19"/>
      <c r="AYQ10" s="19"/>
      <c r="AYR10" s="19"/>
      <c r="AYS10" s="19"/>
      <c r="AYT10" s="19"/>
      <c r="AYU10" s="19"/>
      <c r="AYV10" s="19"/>
      <c r="AYW10" s="19"/>
      <c r="AYX10" s="19"/>
      <c r="AYY10" s="19"/>
      <c r="AYZ10" s="19"/>
      <c r="AZA10" s="19"/>
      <c r="AZB10" s="19"/>
      <c r="AZC10" s="19"/>
      <c r="AZD10" s="19"/>
      <c r="AZE10" s="19"/>
      <c r="AZF10" s="19"/>
      <c r="AZG10" s="19"/>
      <c r="AZH10" s="19"/>
      <c r="AZI10" s="19"/>
      <c r="AZJ10" s="19"/>
      <c r="AZK10" s="19"/>
      <c r="AZL10" s="19"/>
      <c r="AZM10" s="19"/>
      <c r="AZN10" s="19"/>
      <c r="AZO10" s="19"/>
      <c r="AZP10" s="19"/>
      <c r="AZQ10" s="19"/>
      <c r="AZR10" s="19"/>
      <c r="AZS10" s="19"/>
      <c r="AZT10" s="19"/>
      <c r="AZU10" s="19"/>
      <c r="AZV10" s="19"/>
      <c r="AZW10" s="19"/>
      <c r="AZX10" s="19"/>
      <c r="AZY10" s="19"/>
      <c r="AZZ10" s="19"/>
      <c r="BAA10" s="19"/>
      <c r="BAB10" s="19"/>
      <c r="BAC10" s="19"/>
      <c r="BAD10" s="19"/>
      <c r="BAE10" s="19"/>
      <c r="BAF10" s="19"/>
      <c r="BAG10" s="19"/>
      <c r="BAH10" s="19"/>
      <c r="BAI10" s="19"/>
      <c r="BAJ10" s="19"/>
      <c r="BAK10" s="19"/>
      <c r="BAL10" s="19"/>
      <c r="BAM10" s="19"/>
      <c r="BAN10" s="19"/>
      <c r="BAO10" s="19"/>
      <c r="BAP10" s="19"/>
      <c r="BAQ10" s="19"/>
      <c r="BAR10" s="19"/>
      <c r="BAS10" s="19"/>
      <c r="BAT10" s="19"/>
      <c r="BAU10" s="19"/>
      <c r="BAV10" s="19"/>
      <c r="BAW10" s="19"/>
      <c r="BAX10" s="19"/>
      <c r="BAY10" s="19"/>
      <c r="BAZ10" s="19"/>
      <c r="BBA10" s="19"/>
      <c r="BBB10" s="19"/>
      <c r="BBC10" s="19"/>
      <c r="BBD10" s="19"/>
      <c r="BBE10" s="19"/>
      <c r="BBF10" s="19"/>
      <c r="BBG10" s="19"/>
      <c r="BBH10" s="19"/>
      <c r="BBI10" s="19"/>
      <c r="BBJ10" s="19"/>
      <c r="BBK10" s="19"/>
      <c r="BBL10" s="19"/>
      <c r="BBM10" s="19"/>
      <c r="BBN10" s="19"/>
    </row>
    <row r="11" spans="1:1418" s="20" customFormat="1" ht="15" customHeight="1" thickBot="1" x14ac:dyDescent="0.25">
      <c r="A11" s="103" t="s">
        <v>8</v>
      </c>
      <c r="B11" s="31"/>
      <c r="C11" s="184"/>
      <c r="D11" s="185"/>
      <c r="E11" s="186"/>
      <c r="F11" s="31"/>
      <c r="G11" s="31"/>
      <c r="H11" s="31"/>
      <c r="I11" s="31"/>
      <c r="J11" s="104"/>
      <c r="K11" s="19"/>
      <c r="L11" s="19"/>
      <c r="M11" s="19"/>
      <c r="N11" s="19"/>
      <c r="O11" s="19"/>
      <c r="P11" s="19"/>
      <c r="Q11" s="19"/>
      <c r="R11" s="19"/>
      <c r="S11" s="19"/>
      <c r="T11" s="19"/>
      <c r="U11" s="19"/>
      <c r="V11" s="19"/>
      <c r="W11" s="19"/>
      <c r="X11" s="19"/>
      <c r="Y11" s="19"/>
      <c r="Z11" s="19"/>
      <c r="AA11" s="19"/>
      <c r="AB11" s="19"/>
      <c r="AC11" s="19"/>
      <c r="AD11" s="19"/>
      <c r="AE11" s="19"/>
      <c r="AF11" s="19"/>
      <c r="AG11" s="19"/>
      <c r="AH11" s="19"/>
      <c r="AI11" s="19"/>
      <c r="AJ11" s="19"/>
      <c r="AK11" s="19"/>
      <c r="AL11" s="19"/>
      <c r="AM11" s="19"/>
      <c r="AN11" s="19"/>
      <c r="AO11" s="19"/>
      <c r="AP11" s="19"/>
      <c r="AQ11" s="19"/>
      <c r="AR11" s="19"/>
      <c r="AS11" s="19"/>
      <c r="AT11" s="19"/>
      <c r="AU11" s="19"/>
      <c r="AV11" s="19"/>
      <c r="AW11" s="19"/>
      <c r="AX11" s="19"/>
      <c r="AY11" s="19"/>
      <c r="AZ11" s="19"/>
      <c r="BA11" s="19"/>
      <c r="BB11" s="19"/>
      <c r="BC11" s="19"/>
      <c r="BD11" s="19"/>
      <c r="BE11" s="19"/>
      <c r="BF11" s="19"/>
      <c r="BG11" s="19"/>
      <c r="BH11" s="19"/>
      <c r="BI11" s="19"/>
      <c r="BJ11" s="19"/>
      <c r="BK11" s="19"/>
      <c r="BL11" s="19"/>
      <c r="BM11" s="19"/>
      <c r="BN11" s="19"/>
      <c r="BO11" s="19"/>
      <c r="BP11" s="19"/>
      <c r="BQ11" s="19"/>
      <c r="BR11" s="19"/>
      <c r="BS11" s="19"/>
      <c r="BT11" s="19"/>
      <c r="BU11" s="19"/>
      <c r="BV11" s="19"/>
      <c r="BW11" s="19"/>
      <c r="BX11" s="19"/>
      <c r="BY11" s="19"/>
      <c r="BZ11" s="19"/>
      <c r="CA11" s="19"/>
      <c r="CB11" s="19"/>
      <c r="CC11" s="19"/>
      <c r="CD11" s="19"/>
      <c r="CE11" s="19"/>
      <c r="CF11" s="19"/>
      <c r="CG11" s="19"/>
      <c r="CH11" s="19"/>
      <c r="CI11" s="19"/>
      <c r="CJ11" s="19"/>
      <c r="CK11" s="19"/>
      <c r="CL11" s="19"/>
      <c r="CM11" s="19"/>
      <c r="CN11" s="19"/>
      <c r="CO11" s="19"/>
      <c r="CP11" s="19"/>
      <c r="CQ11" s="19"/>
      <c r="CR11" s="19"/>
      <c r="CS11" s="19"/>
      <c r="CT11" s="19"/>
      <c r="CU11" s="19"/>
      <c r="CV11" s="19"/>
      <c r="CW11" s="19"/>
      <c r="CX11" s="19"/>
      <c r="CY11" s="19"/>
      <c r="CZ11" s="19"/>
      <c r="DA11" s="19"/>
      <c r="DB11" s="19"/>
      <c r="DC11" s="19"/>
      <c r="DD11" s="19"/>
      <c r="DE11" s="19"/>
      <c r="DF11" s="19"/>
      <c r="DG11" s="19"/>
      <c r="DH11" s="19"/>
      <c r="DI11" s="19"/>
      <c r="DJ11" s="19"/>
      <c r="DK11" s="19"/>
      <c r="DL11" s="19"/>
      <c r="DM11" s="19"/>
      <c r="DN11" s="19"/>
      <c r="DO11" s="19"/>
      <c r="DP11" s="19"/>
      <c r="DQ11" s="19"/>
      <c r="DR11" s="19"/>
      <c r="DS11" s="19"/>
      <c r="DT11" s="19"/>
      <c r="DU11" s="19"/>
      <c r="DV11" s="19"/>
      <c r="DW11" s="19"/>
      <c r="DX11" s="19"/>
      <c r="DY11" s="19"/>
      <c r="DZ11" s="19"/>
      <c r="EA11" s="19"/>
      <c r="EB11" s="19"/>
      <c r="EC11" s="19"/>
      <c r="ED11" s="19"/>
      <c r="EE11" s="19"/>
      <c r="EF11" s="19"/>
      <c r="EG11" s="19"/>
      <c r="EH11" s="19"/>
      <c r="EI11" s="19"/>
      <c r="EJ11" s="19"/>
      <c r="EK11" s="19"/>
      <c r="EL11" s="19"/>
      <c r="EM11" s="19"/>
      <c r="EN11" s="19"/>
      <c r="EO11" s="19"/>
      <c r="EP11" s="19"/>
      <c r="EQ11" s="19"/>
      <c r="ER11" s="19"/>
      <c r="ES11" s="19"/>
      <c r="ET11" s="19"/>
      <c r="EU11" s="19"/>
      <c r="EV11" s="19"/>
      <c r="EW11" s="19"/>
      <c r="EX11" s="19"/>
      <c r="EY11" s="19"/>
      <c r="EZ11" s="19"/>
      <c r="FA11" s="19"/>
      <c r="FB11" s="19"/>
      <c r="FC11" s="19"/>
      <c r="FD11" s="19"/>
      <c r="FE11" s="19"/>
      <c r="FF11" s="19"/>
      <c r="FG11" s="19"/>
      <c r="FH11" s="19"/>
      <c r="FI11" s="19"/>
      <c r="FJ11" s="19"/>
      <c r="FK11" s="19"/>
      <c r="FL11" s="19"/>
      <c r="FM11" s="19"/>
      <c r="FN11" s="19"/>
      <c r="FO11" s="19"/>
      <c r="FP11" s="19"/>
      <c r="FQ11" s="19"/>
      <c r="FR11" s="19"/>
      <c r="FS11" s="19"/>
      <c r="FT11" s="19"/>
      <c r="FU11" s="19"/>
      <c r="FV11" s="19"/>
      <c r="FW11" s="19"/>
      <c r="FX11" s="19"/>
      <c r="FY11" s="19"/>
      <c r="FZ11" s="19"/>
      <c r="GA11" s="19"/>
      <c r="GB11" s="19"/>
      <c r="GC11" s="19"/>
      <c r="GD11" s="19"/>
      <c r="GE11" s="19"/>
      <c r="GF11" s="19"/>
      <c r="GG11" s="19"/>
      <c r="GH11" s="19"/>
      <c r="GI11" s="19"/>
      <c r="GJ11" s="19"/>
      <c r="GK11" s="19"/>
      <c r="GL11" s="19"/>
      <c r="GM11" s="19"/>
      <c r="GN11" s="19"/>
      <c r="GO11" s="19"/>
      <c r="GP11" s="19"/>
      <c r="GQ11" s="19"/>
      <c r="GR11" s="19"/>
      <c r="GS11" s="19"/>
      <c r="GT11" s="19"/>
      <c r="GU11" s="19"/>
      <c r="GV11" s="19"/>
      <c r="GW11" s="19"/>
      <c r="GX11" s="19"/>
      <c r="GY11" s="19"/>
      <c r="GZ11" s="19"/>
      <c r="HA11" s="19"/>
      <c r="HB11" s="19"/>
      <c r="HC11" s="19"/>
      <c r="HD11" s="19"/>
      <c r="HE11" s="19"/>
      <c r="HF11" s="19"/>
      <c r="HG11" s="19"/>
      <c r="HH11" s="19"/>
      <c r="HI11" s="19"/>
      <c r="HJ11" s="19"/>
      <c r="HK11" s="19"/>
      <c r="HL11" s="19"/>
      <c r="HM11" s="19"/>
      <c r="HN11" s="19"/>
      <c r="HO11" s="19"/>
      <c r="HP11" s="19"/>
      <c r="HQ11" s="19"/>
      <c r="HR11" s="19"/>
      <c r="HS11" s="19"/>
      <c r="HT11" s="19"/>
      <c r="HU11" s="19"/>
      <c r="HV11" s="19"/>
      <c r="HW11" s="19"/>
      <c r="HX11" s="19"/>
      <c r="HY11" s="19"/>
      <c r="HZ11" s="19"/>
      <c r="IA11" s="19"/>
      <c r="IB11" s="19"/>
      <c r="IC11" s="19"/>
      <c r="ID11" s="19"/>
      <c r="IE11" s="19"/>
      <c r="IF11" s="19"/>
      <c r="IG11" s="19"/>
      <c r="IH11" s="19"/>
      <c r="II11" s="19"/>
      <c r="IJ11" s="19"/>
      <c r="IK11" s="19"/>
      <c r="IL11" s="19"/>
      <c r="IM11" s="19"/>
      <c r="IN11" s="19"/>
      <c r="IO11" s="19"/>
      <c r="IP11" s="19"/>
      <c r="IQ11" s="19"/>
      <c r="IR11" s="19"/>
      <c r="IS11" s="19"/>
      <c r="IT11" s="19"/>
      <c r="IU11" s="19"/>
      <c r="IV11" s="19"/>
      <c r="IW11" s="19"/>
      <c r="IX11" s="19"/>
      <c r="IY11" s="19"/>
      <c r="IZ11" s="19"/>
      <c r="JA11" s="19"/>
      <c r="JB11" s="19"/>
      <c r="JC11" s="19"/>
      <c r="JD11" s="19"/>
      <c r="JE11" s="19"/>
      <c r="JF11" s="19"/>
      <c r="JG11" s="19"/>
      <c r="JH11" s="19"/>
      <c r="JI11" s="19"/>
      <c r="JJ11" s="19"/>
      <c r="JK11" s="19"/>
      <c r="JL11" s="19"/>
      <c r="JM11" s="19"/>
      <c r="JN11" s="19"/>
      <c r="JO11" s="19"/>
      <c r="JP11" s="19"/>
      <c r="JQ11" s="19"/>
      <c r="JR11" s="19"/>
      <c r="JS11" s="19"/>
      <c r="JT11" s="19"/>
      <c r="JU11" s="19"/>
      <c r="JV11" s="19"/>
      <c r="JW11" s="19"/>
      <c r="JX11" s="19"/>
      <c r="JY11" s="19"/>
      <c r="JZ11" s="19"/>
      <c r="KA11" s="19"/>
      <c r="KB11" s="19"/>
      <c r="KC11" s="19"/>
      <c r="KD11" s="19"/>
      <c r="KE11" s="19"/>
      <c r="KF11" s="19"/>
      <c r="KG11" s="19"/>
      <c r="KH11" s="19"/>
      <c r="KI11" s="19"/>
      <c r="KJ11" s="19"/>
      <c r="KK11" s="19"/>
      <c r="KL11" s="19"/>
      <c r="KM11" s="19"/>
      <c r="KN11" s="19"/>
      <c r="KO11" s="19"/>
      <c r="KP11" s="19"/>
      <c r="KQ11" s="19"/>
      <c r="KR11" s="19"/>
      <c r="KS11" s="19"/>
      <c r="KT11" s="19"/>
      <c r="KU11" s="19"/>
      <c r="KV11" s="19"/>
      <c r="KW11" s="19"/>
      <c r="KX11" s="19"/>
      <c r="KY11" s="19"/>
      <c r="KZ11" s="19"/>
      <c r="LA11" s="19"/>
      <c r="LB11" s="19"/>
      <c r="LC11" s="19"/>
      <c r="LD11" s="19"/>
      <c r="LE11" s="19"/>
      <c r="LF11" s="19"/>
      <c r="LG11" s="19"/>
      <c r="LH11" s="19"/>
      <c r="LI11" s="19"/>
      <c r="LJ11" s="19"/>
      <c r="LK11" s="19"/>
      <c r="LL11" s="19"/>
      <c r="LM11" s="19"/>
      <c r="LN11" s="19"/>
      <c r="LO11" s="19"/>
      <c r="LP11" s="19"/>
      <c r="LQ11" s="19"/>
      <c r="LR11" s="19"/>
      <c r="LS11" s="19"/>
      <c r="LT11" s="19"/>
      <c r="LU11" s="19"/>
      <c r="LV11" s="19"/>
      <c r="LW11" s="19"/>
      <c r="LX11" s="19"/>
      <c r="LY11" s="19"/>
      <c r="LZ11" s="19"/>
      <c r="MA11" s="19"/>
      <c r="MB11" s="19"/>
      <c r="MC11" s="19"/>
      <c r="MD11" s="19"/>
      <c r="ME11" s="19"/>
      <c r="MF11" s="19"/>
      <c r="MG11" s="19"/>
      <c r="MH11" s="19"/>
      <c r="MI11" s="19"/>
      <c r="MJ11" s="19"/>
      <c r="MK11" s="19"/>
      <c r="ML11" s="19"/>
      <c r="MM11" s="19"/>
      <c r="MN11" s="19"/>
      <c r="MO11" s="19"/>
      <c r="MP11" s="19"/>
      <c r="MQ11" s="19"/>
      <c r="MR11" s="19"/>
      <c r="MS11" s="19"/>
      <c r="MT11" s="19"/>
      <c r="MU11" s="19"/>
      <c r="MV11" s="19"/>
      <c r="MW11" s="19"/>
      <c r="MX11" s="19"/>
      <c r="MY11" s="19"/>
      <c r="MZ11" s="19"/>
      <c r="NA11" s="19"/>
      <c r="NB11" s="19"/>
      <c r="NC11" s="19"/>
      <c r="ND11" s="19"/>
      <c r="NE11" s="19"/>
      <c r="NF11" s="19"/>
      <c r="NG11" s="19"/>
      <c r="NH11" s="19"/>
      <c r="NI11" s="19"/>
      <c r="NJ11" s="19"/>
      <c r="NK11" s="19"/>
      <c r="NL11" s="19"/>
      <c r="NM11" s="19"/>
      <c r="NN11" s="19"/>
      <c r="NO11" s="19"/>
      <c r="NP11" s="19"/>
      <c r="NQ11" s="19"/>
      <c r="NR11" s="19"/>
      <c r="NS11" s="19"/>
      <c r="NT11" s="19"/>
      <c r="NU11" s="19"/>
      <c r="NV11" s="19"/>
      <c r="NW11" s="19"/>
      <c r="NX11" s="19"/>
      <c r="NY11" s="19"/>
      <c r="NZ11" s="19"/>
      <c r="OA11" s="19"/>
      <c r="OB11" s="19"/>
      <c r="OC11" s="19"/>
      <c r="OD11" s="19"/>
      <c r="OE11" s="19"/>
      <c r="OF11" s="19"/>
      <c r="OG11" s="19"/>
      <c r="OH11" s="19"/>
      <c r="OI11" s="19"/>
      <c r="OJ11" s="19"/>
      <c r="OK11" s="19"/>
      <c r="OL11" s="19"/>
      <c r="OM11" s="19"/>
      <c r="ON11" s="19"/>
      <c r="OO11" s="19"/>
      <c r="OP11" s="19"/>
      <c r="OQ11" s="19"/>
      <c r="OR11" s="19"/>
      <c r="OS11" s="19"/>
      <c r="OT11" s="19"/>
      <c r="OU11" s="19"/>
      <c r="OV11" s="19"/>
      <c r="OW11" s="19"/>
      <c r="OX11" s="19"/>
      <c r="OY11" s="19"/>
      <c r="OZ11" s="19"/>
      <c r="PA11" s="19"/>
      <c r="PB11" s="19"/>
      <c r="PC11" s="19"/>
      <c r="PD11" s="19"/>
      <c r="PE11" s="19"/>
      <c r="PF11" s="19"/>
      <c r="PG11" s="19"/>
      <c r="PH11" s="19"/>
      <c r="PI11" s="19"/>
      <c r="PJ11" s="19"/>
      <c r="PK11" s="19"/>
      <c r="PL11" s="19"/>
      <c r="PM11" s="19"/>
      <c r="PN11" s="19"/>
      <c r="PO11" s="19"/>
      <c r="PP11" s="19"/>
      <c r="PQ11" s="19"/>
      <c r="PR11" s="19"/>
      <c r="PS11" s="19"/>
      <c r="PT11" s="19"/>
      <c r="PU11" s="19"/>
      <c r="PV11" s="19"/>
      <c r="PW11" s="19"/>
      <c r="PX11" s="19"/>
      <c r="PY11" s="19"/>
      <c r="PZ11" s="19"/>
      <c r="QA11" s="19"/>
      <c r="QB11" s="19"/>
      <c r="QC11" s="19"/>
      <c r="QD11" s="19"/>
      <c r="QE11" s="19"/>
      <c r="QF11" s="19"/>
      <c r="QG11" s="19"/>
      <c r="QH11" s="19"/>
      <c r="QI11" s="19"/>
      <c r="QJ11" s="19"/>
      <c r="QK11" s="19"/>
      <c r="QL11" s="19"/>
      <c r="QM11" s="19"/>
      <c r="QN11" s="19"/>
      <c r="QO11" s="19"/>
      <c r="QP11" s="19"/>
      <c r="QQ11" s="19"/>
      <c r="QR11" s="19"/>
      <c r="QS11" s="19"/>
      <c r="QT11" s="19"/>
      <c r="QU11" s="19"/>
      <c r="QV11" s="19"/>
      <c r="QW11" s="19"/>
      <c r="QX11" s="19"/>
      <c r="QY11" s="19"/>
      <c r="QZ11" s="19"/>
      <c r="RA11" s="19"/>
      <c r="RB11" s="19"/>
      <c r="RC11" s="19"/>
      <c r="RD11" s="19"/>
      <c r="RE11" s="19"/>
      <c r="RF11" s="19"/>
      <c r="RG11" s="19"/>
      <c r="RH11" s="19"/>
      <c r="RI11" s="19"/>
      <c r="RJ11" s="19"/>
      <c r="RK11" s="19"/>
      <c r="RL11" s="19"/>
      <c r="RM11" s="19"/>
      <c r="RN11" s="19"/>
      <c r="RO11" s="19"/>
      <c r="RP11" s="19"/>
      <c r="RQ11" s="19"/>
      <c r="RR11" s="19"/>
      <c r="RS11" s="19"/>
      <c r="RT11" s="19"/>
      <c r="RU11" s="19"/>
      <c r="RV11" s="19"/>
      <c r="RW11" s="19"/>
      <c r="RX11" s="19"/>
      <c r="RY11" s="19"/>
      <c r="RZ11" s="19"/>
      <c r="SA11" s="19"/>
      <c r="SB11" s="19"/>
      <c r="SC11" s="19"/>
      <c r="SD11" s="19"/>
      <c r="SE11" s="19"/>
      <c r="SF11" s="19"/>
      <c r="SG11" s="19"/>
      <c r="SH11" s="19"/>
      <c r="SI11" s="19"/>
      <c r="SJ11" s="19"/>
      <c r="SK11" s="19"/>
      <c r="SL11" s="19"/>
      <c r="SM11" s="19"/>
      <c r="SN11" s="19"/>
      <c r="SO11" s="19"/>
      <c r="SP11" s="19"/>
      <c r="SQ11" s="19"/>
      <c r="SR11" s="19"/>
      <c r="SS11" s="19"/>
      <c r="ST11" s="19"/>
      <c r="SU11" s="19"/>
      <c r="SV11" s="19"/>
      <c r="SW11" s="19"/>
      <c r="SX11" s="19"/>
      <c r="SY11" s="19"/>
      <c r="SZ11" s="19"/>
      <c r="TA11" s="19"/>
      <c r="TB11" s="19"/>
      <c r="TC11" s="19"/>
      <c r="TD11" s="19"/>
      <c r="TE11" s="19"/>
      <c r="TF11" s="19"/>
      <c r="TG11" s="19"/>
      <c r="TH11" s="19"/>
      <c r="TI11" s="19"/>
      <c r="TJ11" s="19"/>
      <c r="TK11" s="19"/>
      <c r="TL11" s="19"/>
      <c r="TM11" s="19"/>
      <c r="TN11" s="19"/>
      <c r="TO11" s="19"/>
      <c r="TP11" s="19"/>
      <c r="TQ11" s="19"/>
      <c r="TR11" s="19"/>
      <c r="TS11" s="19"/>
      <c r="TT11" s="19"/>
      <c r="TU11" s="19"/>
      <c r="TV11" s="19"/>
      <c r="TW11" s="19"/>
      <c r="TX11" s="19"/>
      <c r="TY11" s="19"/>
      <c r="TZ11" s="19"/>
      <c r="UA11" s="19"/>
      <c r="UB11" s="19"/>
      <c r="UC11" s="19"/>
      <c r="UD11" s="19"/>
      <c r="UE11" s="19"/>
      <c r="UF11" s="19"/>
      <c r="UG11" s="19"/>
      <c r="UH11" s="19"/>
      <c r="UI11" s="19"/>
      <c r="UJ11" s="19"/>
      <c r="UK11" s="19"/>
      <c r="UL11" s="19"/>
      <c r="UM11" s="19"/>
      <c r="UN11" s="19"/>
      <c r="UO11" s="19"/>
      <c r="UP11" s="19"/>
      <c r="UQ11" s="19"/>
      <c r="UR11" s="19"/>
      <c r="US11" s="19"/>
      <c r="UT11" s="19"/>
      <c r="UU11" s="19"/>
      <c r="UV11" s="19"/>
      <c r="UW11" s="19"/>
      <c r="UX11" s="19"/>
      <c r="UY11" s="19"/>
      <c r="UZ11" s="19"/>
      <c r="VA11" s="19"/>
      <c r="VB11" s="19"/>
      <c r="VC11" s="19"/>
      <c r="VD11" s="19"/>
      <c r="VE11" s="19"/>
      <c r="VF11" s="19"/>
      <c r="VG11" s="19"/>
      <c r="VH11" s="19"/>
      <c r="VI11" s="19"/>
      <c r="VJ11" s="19"/>
      <c r="VK11" s="19"/>
      <c r="VL11" s="19"/>
      <c r="VM11" s="19"/>
      <c r="VN11" s="19"/>
      <c r="VO11" s="19"/>
      <c r="VP11" s="19"/>
      <c r="VQ11" s="19"/>
      <c r="VR11" s="19"/>
      <c r="VS11" s="19"/>
      <c r="VT11" s="19"/>
      <c r="VU11" s="19"/>
      <c r="VV11" s="19"/>
      <c r="VW11" s="19"/>
      <c r="VX11" s="19"/>
      <c r="VY11" s="19"/>
      <c r="VZ11" s="19"/>
      <c r="WA11" s="19"/>
      <c r="WB11" s="19"/>
      <c r="WC11" s="19"/>
      <c r="WD11" s="19"/>
      <c r="WE11" s="19"/>
      <c r="WF11" s="19"/>
      <c r="WG11" s="19"/>
      <c r="WH11" s="19"/>
      <c r="WI11" s="19"/>
      <c r="WJ11" s="19"/>
      <c r="WK11" s="19"/>
      <c r="WL11" s="19"/>
      <c r="WM11" s="19"/>
      <c r="WN11" s="19"/>
      <c r="WO11" s="19"/>
      <c r="WP11" s="19"/>
      <c r="WQ11" s="19"/>
      <c r="WR11" s="19"/>
      <c r="WS11" s="19"/>
      <c r="WT11" s="19"/>
      <c r="WU11" s="19"/>
      <c r="WV11" s="19"/>
      <c r="WW11" s="19"/>
      <c r="WX11" s="19"/>
      <c r="WY11" s="19"/>
      <c r="WZ11" s="19"/>
      <c r="XA11" s="19"/>
      <c r="XB11" s="19"/>
      <c r="XC11" s="19"/>
      <c r="XD11" s="19"/>
      <c r="XE11" s="19"/>
      <c r="XF11" s="19"/>
      <c r="XG11" s="19"/>
      <c r="XH11" s="19"/>
      <c r="XI11" s="19"/>
      <c r="XJ11" s="19"/>
      <c r="XK11" s="19"/>
      <c r="XL11" s="19"/>
      <c r="XM11" s="19"/>
      <c r="XN11" s="19"/>
      <c r="XO11" s="19"/>
      <c r="XP11" s="19"/>
      <c r="XQ11" s="19"/>
      <c r="XR11" s="19"/>
      <c r="XS11" s="19"/>
      <c r="XT11" s="19"/>
      <c r="XU11" s="19"/>
      <c r="XV11" s="19"/>
      <c r="XW11" s="19"/>
      <c r="XX11" s="19"/>
      <c r="XY11" s="19"/>
      <c r="XZ11" s="19"/>
      <c r="YA11" s="19"/>
      <c r="YB11" s="19"/>
      <c r="YC11" s="19"/>
      <c r="YD11" s="19"/>
      <c r="YE11" s="19"/>
      <c r="YF11" s="19"/>
      <c r="YG11" s="19"/>
      <c r="YH11" s="19"/>
      <c r="YI11" s="19"/>
      <c r="YJ11" s="19"/>
      <c r="YK11" s="19"/>
      <c r="YL11" s="19"/>
      <c r="YM11" s="19"/>
      <c r="YN11" s="19"/>
      <c r="YO11" s="19"/>
      <c r="YP11" s="19"/>
      <c r="YQ11" s="19"/>
      <c r="YR11" s="19"/>
      <c r="YS11" s="19"/>
      <c r="YT11" s="19"/>
      <c r="YU11" s="19"/>
      <c r="YV11" s="19"/>
      <c r="YW11" s="19"/>
      <c r="YX11" s="19"/>
      <c r="YY11" s="19"/>
      <c r="YZ11" s="19"/>
      <c r="ZA11" s="19"/>
      <c r="ZB11" s="19"/>
      <c r="ZC11" s="19"/>
      <c r="ZD11" s="19"/>
      <c r="ZE11" s="19"/>
      <c r="ZF11" s="19"/>
      <c r="ZG11" s="19"/>
      <c r="ZH11" s="19"/>
      <c r="ZI11" s="19"/>
      <c r="ZJ11" s="19"/>
      <c r="ZK11" s="19"/>
      <c r="ZL11" s="19"/>
      <c r="ZM11" s="19"/>
      <c r="ZN11" s="19"/>
      <c r="ZO11" s="19"/>
      <c r="ZP11" s="19"/>
      <c r="ZQ11" s="19"/>
      <c r="ZR11" s="19"/>
      <c r="ZS11" s="19"/>
      <c r="ZT11" s="19"/>
      <c r="ZU11" s="19"/>
      <c r="ZV11" s="19"/>
      <c r="ZW11" s="19"/>
      <c r="ZX11" s="19"/>
      <c r="ZY11" s="19"/>
      <c r="ZZ11" s="19"/>
      <c r="AAA11" s="19"/>
      <c r="AAB11" s="19"/>
      <c r="AAC11" s="19"/>
      <c r="AAD11" s="19"/>
      <c r="AAE11" s="19"/>
      <c r="AAF11" s="19"/>
      <c r="AAG11" s="19"/>
      <c r="AAH11" s="19"/>
      <c r="AAI11" s="19"/>
      <c r="AAJ11" s="19"/>
      <c r="AAK11" s="19"/>
      <c r="AAL11" s="19"/>
      <c r="AAM11" s="19"/>
      <c r="AAN11" s="19"/>
      <c r="AAO11" s="19"/>
      <c r="AAP11" s="19"/>
      <c r="AAQ11" s="19"/>
      <c r="AAR11" s="19"/>
      <c r="AAS11" s="19"/>
      <c r="AAT11" s="19"/>
      <c r="AAU11" s="19"/>
      <c r="AAV11" s="19"/>
      <c r="AAW11" s="19"/>
      <c r="AAX11" s="19"/>
      <c r="AAY11" s="19"/>
      <c r="AAZ11" s="19"/>
      <c r="ABA11" s="19"/>
      <c r="ABB11" s="19"/>
      <c r="ABC11" s="19"/>
      <c r="ABD11" s="19"/>
      <c r="ABE11" s="19"/>
      <c r="ABF11" s="19"/>
      <c r="ABG11" s="19"/>
      <c r="ABH11" s="19"/>
      <c r="ABI11" s="19"/>
      <c r="ABJ11" s="19"/>
      <c r="ABK11" s="19"/>
      <c r="ABL11" s="19"/>
      <c r="ABM11" s="19"/>
      <c r="ABN11" s="19"/>
      <c r="ABO11" s="19"/>
      <c r="ABP11" s="19"/>
      <c r="ABQ11" s="19"/>
      <c r="ABR11" s="19"/>
      <c r="ABS11" s="19"/>
      <c r="ABT11" s="19"/>
      <c r="ABU11" s="19"/>
      <c r="ABV11" s="19"/>
      <c r="ABW11" s="19"/>
      <c r="ABX11" s="19"/>
      <c r="ABY11" s="19"/>
      <c r="ABZ11" s="19"/>
      <c r="ACA11" s="19"/>
      <c r="ACB11" s="19"/>
      <c r="ACC11" s="19"/>
      <c r="ACD11" s="19"/>
      <c r="ACE11" s="19"/>
      <c r="ACF11" s="19"/>
      <c r="ACG11" s="19"/>
      <c r="ACH11" s="19"/>
      <c r="ACI11" s="19"/>
      <c r="ACJ11" s="19"/>
      <c r="ACK11" s="19"/>
      <c r="ACL11" s="19"/>
      <c r="ACM11" s="19"/>
      <c r="ACN11" s="19"/>
      <c r="ACO11" s="19"/>
      <c r="ACP11" s="19"/>
      <c r="ACQ11" s="19"/>
      <c r="ACR11" s="19"/>
      <c r="ACS11" s="19"/>
      <c r="ACT11" s="19"/>
      <c r="ACU11" s="19"/>
      <c r="ACV11" s="19"/>
      <c r="ACW11" s="19"/>
      <c r="ACX11" s="19"/>
      <c r="ACY11" s="19"/>
      <c r="ACZ11" s="19"/>
      <c r="ADA11" s="19"/>
      <c r="ADB11" s="19"/>
      <c r="ADC11" s="19"/>
      <c r="ADD11" s="19"/>
      <c r="ADE11" s="19"/>
      <c r="ADF11" s="19"/>
      <c r="ADG11" s="19"/>
      <c r="ADH11" s="19"/>
      <c r="ADI11" s="19"/>
      <c r="ADJ11" s="19"/>
      <c r="ADK11" s="19"/>
      <c r="ADL11" s="19"/>
      <c r="ADM11" s="19"/>
      <c r="ADN11" s="19"/>
      <c r="ADO11" s="19"/>
      <c r="ADP11" s="19"/>
      <c r="ADQ11" s="19"/>
      <c r="ADR11" s="19"/>
      <c r="ADS11" s="19"/>
      <c r="ADT11" s="19"/>
      <c r="ADU11" s="19"/>
      <c r="ADV11" s="19"/>
      <c r="ADW11" s="19"/>
      <c r="ADX11" s="19"/>
      <c r="ADY11" s="19"/>
      <c r="ADZ11" s="19"/>
      <c r="AEA11" s="19"/>
      <c r="AEB11" s="19"/>
      <c r="AEC11" s="19"/>
      <c r="AED11" s="19"/>
      <c r="AEE11" s="19"/>
      <c r="AEF11" s="19"/>
      <c r="AEG11" s="19"/>
      <c r="AEH11" s="19"/>
      <c r="AEI11" s="19"/>
      <c r="AEJ11" s="19"/>
      <c r="AEK11" s="19"/>
      <c r="AEL11" s="19"/>
      <c r="AEM11" s="19"/>
      <c r="AEN11" s="19"/>
      <c r="AEO11" s="19"/>
      <c r="AEP11" s="19"/>
      <c r="AEQ11" s="19"/>
      <c r="AER11" s="19"/>
      <c r="AES11" s="19"/>
      <c r="AET11" s="19"/>
      <c r="AEU11" s="19"/>
      <c r="AEV11" s="19"/>
      <c r="AEW11" s="19"/>
      <c r="AEX11" s="19"/>
      <c r="AEY11" s="19"/>
      <c r="AEZ11" s="19"/>
      <c r="AFA11" s="19"/>
      <c r="AFB11" s="19"/>
      <c r="AFC11" s="19"/>
      <c r="AFD11" s="19"/>
      <c r="AFE11" s="19"/>
      <c r="AFF11" s="19"/>
      <c r="AFG11" s="19"/>
      <c r="AFH11" s="19"/>
      <c r="AFI11" s="19"/>
      <c r="AFJ11" s="19"/>
      <c r="AFK11" s="19"/>
      <c r="AFL11" s="19"/>
      <c r="AFM11" s="19"/>
      <c r="AFN11" s="19"/>
      <c r="AFO11" s="19"/>
      <c r="AFP11" s="19"/>
      <c r="AFQ11" s="19"/>
      <c r="AFR11" s="19"/>
      <c r="AFS11" s="19"/>
      <c r="AFT11" s="19"/>
      <c r="AFU11" s="19"/>
      <c r="AFV11" s="19"/>
      <c r="AFW11" s="19"/>
      <c r="AFX11" s="19"/>
      <c r="AFY11" s="19"/>
      <c r="AFZ11" s="19"/>
      <c r="AGA11" s="19"/>
      <c r="AGB11" s="19"/>
      <c r="AGC11" s="19"/>
      <c r="AGD11" s="19"/>
      <c r="AGE11" s="19"/>
      <c r="AGF11" s="19"/>
      <c r="AGG11" s="19"/>
      <c r="AGH11" s="19"/>
      <c r="AGI11" s="19"/>
      <c r="AGJ11" s="19"/>
      <c r="AGK11" s="19"/>
      <c r="AGL11" s="19"/>
      <c r="AGM11" s="19"/>
      <c r="AGN11" s="19"/>
      <c r="AGO11" s="19"/>
      <c r="AGP11" s="19"/>
      <c r="AGQ11" s="19"/>
      <c r="AGR11" s="19"/>
      <c r="AGS11" s="19"/>
      <c r="AGT11" s="19"/>
      <c r="AGU11" s="19"/>
      <c r="AGV11" s="19"/>
      <c r="AGW11" s="19"/>
      <c r="AGX11" s="19"/>
      <c r="AGY11" s="19"/>
      <c r="AGZ11" s="19"/>
      <c r="AHA11" s="19"/>
      <c r="AHB11" s="19"/>
      <c r="AHC11" s="19"/>
      <c r="AHD11" s="19"/>
      <c r="AHE11" s="19"/>
      <c r="AHF11" s="19"/>
      <c r="AHG11" s="19"/>
      <c r="AHH11" s="19"/>
      <c r="AHI11" s="19"/>
      <c r="AHJ11" s="19"/>
      <c r="AHK11" s="19"/>
      <c r="AHL11" s="19"/>
      <c r="AHM11" s="19"/>
      <c r="AHN11" s="19"/>
      <c r="AHO11" s="19"/>
      <c r="AHP11" s="19"/>
      <c r="AHQ11" s="19"/>
      <c r="AHR11" s="19"/>
      <c r="AHS11" s="19"/>
      <c r="AHT11" s="19"/>
      <c r="AHU11" s="19"/>
      <c r="AHV11" s="19"/>
      <c r="AHW11" s="19"/>
      <c r="AHX11" s="19"/>
      <c r="AHY11" s="19"/>
      <c r="AHZ11" s="19"/>
      <c r="AIA11" s="19"/>
      <c r="AIB11" s="19"/>
      <c r="AIC11" s="19"/>
      <c r="AID11" s="19"/>
      <c r="AIE11" s="19"/>
      <c r="AIF11" s="19"/>
      <c r="AIG11" s="19"/>
      <c r="AIH11" s="19"/>
      <c r="AII11" s="19"/>
      <c r="AIJ11" s="19"/>
      <c r="AIK11" s="19"/>
      <c r="AIL11" s="19"/>
      <c r="AIM11" s="19"/>
      <c r="AIN11" s="19"/>
      <c r="AIO11" s="19"/>
      <c r="AIP11" s="19"/>
      <c r="AIQ11" s="19"/>
      <c r="AIR11" s="19"/>
      <c r="AIS11" s="19"/>
      <c r="AIT11" s="19"/>
      <c r="AIU11" s="19"/>
      <c r="AIV11" s="19"/>
      <c r="AIW11" s="19"/>
      <c r="AIX11" s="19"/>
      <c r="AIY11" s="19"/>
      <c r="AIZ11" s="19"/>
      <c r="AJA11" s="19"/>
      <c r="AJB11" s="19"/>
      <c r="AJC11" s="19"/>
      <c r="AJD11" s="19"/>
      <c r="AJE11" s="19"/>
      <c r="AJF11" s="19"/>
      <c r="AJG11" s="19"/>
      <c r="AJH11" s="19"/>
      <c r="AJI11" s="19"/>
      <c r="AJJ11" s="19"/>
      <c r="AJK11" s="19"/>
      <c r="AJL11" s="19"/>
      <c r="AJM11" s="19"/>
      <c r="AJN11" s="19"/>
      <c r="AJO11" s="19"/>
      <c r="AJP11" s="19"/>
      <c r="AJQ11" s="19"/>
      <c r="AJR11" s="19"/>
      <c r="AJS11" s="19"/>
      <c r="AJT11" s="19"/>
      <c r="AJU11" s="19"/>
      <c r="AJV11" s="19"/>
      <c r="AJW11" s="19"/>
      <c r="AJX11" s="19"/>
      <c r="AJY11" s="19"/>
      <c r="AJZ11" s="19"/>
      <c r="AKA11" s="19"/>
      <c r="AKB11" s="19"/>
      <c r="AKC11" s="19"/>
      <c r="AKD11" s="19"/>
      <c r="AKE11" s="19"/>
      <c r="AKF11" s="19"/>
      <c r="AKG11" s="19"/>
      <c r="AKH11" s="19"/>
      <c r="AKI11" s="19"/>
      <c r="AKJ11" s="19"/>
      <c r="AKK11" s="19"/>
      <c r="AKL11" s="19"/>
      <c r="AKM11" s="19"/>
      <c r="AKN11" s="19"/>
      <c r="AKO11" s="19"/>
      <c r="AKP11" s="19"/>
      <c r="AKQ11" s="19"/>
      <c r="AKR11" s="19"/>
      <c r="AKS11" s="19"/>
      <c r="AKT11" s="19"/>
      <c r="AKU11" s="19"/>
      <c r="AKV11" s="19"/>
      <c r="AKW11" s="19"/>
      <c r="AKX11" s="19"/>
      <c r="AKY11" s="19"/>
      <c r="AKZ11" s="19"/>
      <c r="ALA11" s="19"/>
      <c r="ALB11" s="19"/>
      <c r="ALC11" s="19"/>
      <c r="ALD11" s="19"/>
      <c r="ALE11" s="19"/>
      <c r="ALF11" s="19"/>
      <c r="ALG11" s="19"/>
      <c r="ALH11" s="19"/>
      <c r="ALI11" s="19"/>
      <c r="ALJ11" s="19"/>
      <c r="ALK11" s="19"/>
      <c r="ALL11" s="19"/>
      <c r="ALM11" s="19"/>
      <c r="ALN11" s="19"/>
      <c r="ALO11" s="19"/>
      <c r="ALP11" s="19"/>
      <c r="ALQ11" s="19"/>
      <c r="ALR11" s="19"/>
      <c r="ALS11" s="19"/>
      <c r="ALT11" s="19"/>
      <c r="ALU11" s="19"/>
      <c r="ALV11" s="19"/>
      <c r="ALW11" s="19"/>
      <c r="ALX11" s="19"/>
      <c r="ALY11" s="19"/>
      <c r="ALZ11" s="19"/>
      <c r="AMA11" s="19"/>
      <c r="AMB11" s="19"/>
      <c r="AMC11" s="19"/>
      <c r="AMD11" s="19"/>
      <c r="AME11" s="19"/>
      <c r="AMF11" s="19"/>
      <c r="AMG11" s="19"/>
      <c r="AMH11" s="19"/>
      <c r="AMI11" s="19"/>
      <c r="AMJ11" s="19"/>
      <c r="AMK11" s="19"/>
      <c r="AML11" s="19"/>
      <c r="AMM11" s="19"/>
      <c r="AMN11" s="19"/>
      <c r="AMO11" s="19"/>
      <c r="AMP11" s="19"/>
      <c r="AMQ11" s="19"/>
      <c r="AMR11" s="19"/>
      <c r="AMS11" s="19"/>
      <c r="AMT11" s="19"/>
      <c r="AMU11" s="19"/>
      <c r="AMV11" s="19"/>
      <c r="AMW11" s="19"/>
      <c r="AMX11" s="19"/>
      <c r="AMY11" s="19"/>
      <c r="AMZ11" s="19"/>
      <c r="ANA11" s="19"/>
      <c r="ANB11" s="19"/>
      <c r="ANC11" s="19"/>
      <c r="AND11" s="19"/>
      <c r="ANE11" s="19"/>
      <c r="ANF11" s="19"/>
      <c r="ANG11" s="19"/>
      <c r="ANH11" s="19"/>
      <c r="ANI11" s="19"/>
      <c r="ANJ11" s="19"/>
      <c r="ANK11" s="19"/>
      <c r="ANL11" s="19"/>
      <c r="ANM11" s="19"/>
      <c r="ANN11" s="19"/>
      <c r="ANO11" s="19"/>
      <c r="ANP11" s="19"/>
      <c r="ANQ11" s="19"/>
      <c r="ANR11" s="19"/>
      <c r="ANS11" s="19"/>
      <c r="ANT11" s="19"/>
      <c r="ANU11" s="19"/>
      <c r="ANV11" s="19"/>
      <c r="ANW11" s="19"/>
      <c r="ANX11" s="19"/>
      <c r="ANY11" s="19"/>
      <c r="ANZ11" s="19"/>
      <c r="AOA11" s="19"/>
      <c r="AOB11" s="19"/>
      <c r="AOC11" s="19"/>
      <c r="AOD11" s="19"/>
      <c r="AOE11" s="19"/>
      <c r="AOF11" s="19"/>
      <c r="AOG11" s="19"/>
      <c r="AOH11" s="19"/>
      <c r="AOI11" s="19"/>
      <c r="AOJ11" s="19"/>
      <c r="AOK11" s="19"/>
      <c r="AOL11" s="19"/>
      <c r="AOM11" s="19"/>
      <c r="AON11" s="19"/>
      <c r="AOO11" s="19"/>
      <c r="AOP11" s="19"/>
      <c r="AOQ11" s="19"/>
      <c r="AOR11" s="19"/>
      <c r="AOS11" s="19"/>
      <c r="AOT11" s="19"/>
      <c r="AOU11" s="19"/>
      <c r="AOV11" s="19"/>
      <c r="AOW11" s="19"/>
      <c r="AOX11" s="19"/>
      <c r="AOY11" s="19"/>
      <c r="AOZ11" s="19"/>
      <c r="APA11" s="19"/>
      <c r="APB11" s="19"/>
      <c r="APC11" s="19"/>
      <c r="APD11" s="19"/>
      <c r="APE11" s="19"/>
      <c r="APF11" s="19"/>
      <c r="APG11" s="19"/>
      <c r="APH11" s="19"/>
      <c r="API11" s="19"/>
      <c r="APJ11" s="19"/>
      <c r="APK11" s="19"/>
      <c r="APL11" s="19"/>
      <c r="APM11" s="19"/>
      <c r="APN11" s="19"/>
      <c r="APO11" s="19"/>
      <c r="APP11" s="19"/>
      <c r="APQ11" s="19"/>
      <c r="APR11" s="19"/>
      <c r="APS11" s="19"/>
      <c r="APT11" s="19"/>
      <c r="APU11" s="19"/>
      <c r="APV11" s="19"/>
      <c r="APW11" s="19"/>
      <c r="APX11" s="19"/>
      <c r="APY11" s="19"/>
      <c r="APZ11" s="19"/>
      <c r="AQA11" s="19"/>
      <c r="AQB11" s="19"/>
      <c r="AQC11" s="19"/>
      <c r="AQD11" s="19"/>
      <c r="AQE11" s="19"/>
      <c r="AQF11" s="19"/>
      <c r="AQG11" s="19"/>
      <c r="AQH11" s="19"/>
      <c r="AQI11" s="19"/>
      <c r="AQJ11" s="19"/>
      <c r="AQK11" s="19"/>
      <c r="AQL11" s="19"/>
      <c r="AQM11" s="19"/>
      <c r="AQN11" s="19"/>
      <c r="AQO11" s="19"/>
      <c r="AQP11" s="19"/>
      <c r="AQQ11" s="19"/>
      <c r="AQR11" s="19"/>
      <c r="AQS11" s="19"/>
      <c r="AQT11" s="19"/>
      <c r="AQU11" s="19"/>
      <c r="AQV11" s="19"/>
      <c r="AQW11" s="19"/>
      <c r="AQX11" s="19"/>
      <c r="AQY11" s="19"/>
      <c r="AQZ11" s="19"/>
      <c r="ARA11" s="19"/>
      <c r="ARB11" s="19"/>
      <c r="ARC11" s="19"/>
      <c r="ARD11" s="19"/>
      <c r="ARE11" s="19"/>
      <c r="ARF11" s="19"/>
      <c r="ARG11" s="19"/>
      <c r="ARH11" s="19"/>
      <c r="ARI11" s="19"/>
      <c r="ARJ11" s="19"/>
      <c r="ARK11" s="19"/>
      <c r="ARL11" s="19"/>
      <c r="ARM11" s="19"/>
      <c r="ARN11" s="19"/>
      <c r="ARO11" s="19"/>
      <c r="ARP11" s="19"/>
      <c r="ARQ11" s="19"/>
      <c r="ARR11" s="19"/>
      <c r="ARS11" s="19"/>
      <c r="ART11" s="19"/>
      <c r="ARU11" s="19"/>
      <c r="ARV11" s="19"/>
      <c r="ARW11" s="19"/>
      <c r="ARX11" s="19"/>
      <c r="ARY11" s="19"/>
      <c r="ARZ11" s="19"/>
      <c r="ASA11" s="19"/>
      <c r="ASB11" s="19"/>
      <c r="ASC11" s="19"/>
      <c r="ASD11" s="19"/>
      <c r="ASE11" s="19"/>
      <c r="ASF11" s="19"/>
      <c r="ASG11" s="19"/>
      <c r="ASH11" s="19"/>
      <c r="ASI11" s="19"/>
      <c r="ASJ11" s="19"/>
      <c r="ASK11" s="19"/>
      <c r="ASL11" s="19"/>
      <c r="ASM11" s="19"/>
      <c r="ASN11" s="19"/>
      <c r="ASO11" s="19"/>
      <c r="ASP11" s="19"/>
      <c r="ASQ11" s="19"/>
      <c r="ASR11" s="19"/>
      <c r="ASS11" s="19"/>
      <c r="AST11" s="19"/>
      <c r="ASU11" s="19"/>
      <c r="ASV11" s="19"/>
      <c r="ASW11" s="19"/>
      <c r="ASX11" s="19"/>
      <c r="ASY11" s="19"/>
      <c r="ASZ11" s="19"/>
      <c r="ATA11" s="19"/>
      <c r="ATB11" s="19"/>
      <c r="ATC11" s="19"/>
      <c r="ATD11" s="19"/>
      <c r="ATE11" s="19"/>
      <c r="ATF11" s="19"/>
      <c r="ATG11" s="19"/>
      <c r="ATH11" s="19"/>
      <c r="ATI11" s="19"/>
      <c r="ATJ11" s="19"/>
      <c r="ATK11" s="19"/>
      <c r="ATL11" s="19"/>
      <c r="ATM11" s="19"/>
      <c r="ATN11" s="19"/>
      <c r="ATO11" s="19"/>
      <c r="ATP11" s="19"/>
      <c r="ATQ11" s="19"/>
      <c r="ATR11" s="19"/>
      <c r="ATS11" s="19"/>
      <c r="ATT11" s="19"/>
      <c r="ATU11" s="19"/>
      <c r="ATV11" s="19"/>
      <c r="ATW11" s="19"/>
      <c r="ATX11" s="19"/>
      <c r="ATY11" s="19"/>
      <c r="ATZ11" s="19"/>
      <c r="AUA11" s="19"/>
      <c r="AUB11" s="19"/>
      <c r="AUC11" s="19"/>
      <c r="AUD11" s="19"/>
      <c r="AUE11" s="19"/>
      <c r="AUF11" s="19"/>
      <c r="AUG11" s="19"/>
      <c r="AUH11" s="19"/>
      <c r="AUI11" s="19"/>
      <c r="AUJ11" s="19"/>
      <c r="AUK11" s="19"/>
      <c r="AUL11" s="19"/>
      <c r="AUM11" s="19"/>
      <c r="AUN11" s="19"/>
      <c r="AUO11" s="19"/>
      <c r="AUP11" s="19"/>
      <c r="AUQ11" s="19"/>
      <c r="AUR11" s="19"/>
      <c r="AUS11" s="19"/>
      <c r="AUT11" s="19"/>
      <c r="AUU11" s="19"/>
      <c r="AUV11" s="19"/>
      <c r="AUW11" s="19"/>
      <c r="AUX11" s="19"/>
      <c r="AUY11" s="19"/>
      <c r="AUZ11" s="19"/>
      <c r="AVA11" s="19"/>
      <c r="AVB11" s="19"/>
      <c r="AVC11" s="19"/>
      <c r="AVD11" s="19"/>
      <c r="AVE11" s="19"/>
      <c r="AVF11" s="19"/>
      <c r="AVG11" s="19"/>
      <c r="AVH11" s="19"/>
      <c r="AVI11" s="19"/>
      <c r="AVJ11" s="19"/>
      <c r="AVK11" s="19"/>
      <c r="AVL11" s="19"/>
      <c r="AVM11" s="19"/>
      <c r="AVN11" s="19"/>
      <c r="AVO11" s="19"/>
      <c r="AVP11" s="19"/>
      <c r="AVQ11" s="19"/>
      <c r="AVR11" s="19"/>
      <c r="AVS11" s="19"/>
      <c r="AVT11" s="19"/>
      <c r="AVU11" s="19"/>
      <c r="AVV11" s="19"/>
      <c r="AVW11" s="19"/>
      <c r="AVX11" s="19"/>
      <c r="AVY11" s="19"/>
      <c r="AVZ11" s="19"/>
      <c r="AWA11" s="19"/>
      <c r="AWB11" s="19"/>
      <c r="AWC11" s="19"/>
      <c r="AWD11" s="19"/>
      <c r="AWE11" s="19"/>
      <c r="AWF11" s="19"/>
      <c r="AWG11" s="19"/>
      <c r="AWH11" s="19"/>
      <c r="AWI11" s="19"/>
      <c r="AWJ11" s="19"/>
      <c r="AWK11" s="19"/>
      <c r="AWL11" s="19"/>
      <c r="AWM11" s="19"/>
      <c r="AWN11" s="19"/>
      <c r="AWO11" s="19"/>
      <c r="AWP11" s="19"/>
      <c r="AWQ11" s="19"/>
      <c r="AWR11" s="19"/>
      <c r="AWS11" s="19"/>
      <c r="AWT11" s="19"/>
      <c r="AWU11" s="19"/>
      <c r="AWV11" s="19"/>
      <c r="AWW11" s="19"/>
      <c r="AWX11" s="19"/>
      <c r="AWY11" s="19"/>
      <c r="AWZ11" s="19"/>
      <c r="AXA11" s="19"/>
      <c r="AXB11" s="19"/>
      <c r="AXC11" s="19"/>
      <c r="AXD11" s="19"/>
      <c r="AXE11" s="19"/>
      <c r="AXF11" s="19"/>
      <c r="AXG11" s="19"/>
      <c r="AXH11" s="19"/>
      <c r="AXI11" s="19"/>
      <c r="AXJ11" s="19"/>
      <c r="AXK11" s="19"/>
      <c r="AXL11" s="19"/>
      <c r="AXM11" s="19"/>
      <c r="AXN11" s="19"/>
      <c r="AXO11" s="19"/>
      <c r="AXP11" s="19"/>
      <c r="AXQ11" s="19"/>
      <c r="AXR11" s="19"/>
      <c r="AXS11" s="19"/>
      <c r="AXT11" s="19"/>
      <c r="AXU11" s="19"/>
      <c r="AXV11" s="19"/>
      <c r="AXW11" s="19"/>
      <c r="AXX11" s="19"/>
      <c r="AXY11" s="19"/>
      <c r="AXZ11" s="19"/>
      <c r="AYA11" s="19"/>
      <c r="AYB11" s="19"/>
      <c r="AYC11" s="19"/>
      <c r="AYD11" s="19"/>
      <c r="AYE11" s="19"/>
      <c r="AYF11" s="19"/>
      <c r="AYG11" s="19"/>
      <c r="AYH11" s="19"/>
      <c r="AYI11" s="19"/>
      <c r="AYJ11" s="19"/>
      <c r="AYK11" s="19"/>
      <c r="AYL11" s="19"/>
      <c r="AYM11" s="19"/>
      <c r="AYN11" s="19"/>
      <c r="AYO11" s="19"/>
      <c r="AYP11" s="19"/>
      <c r="AYQ11" s="19"/>
      <c r="AYR11" s="19"/>
      <c r="AYS11" s="19"/>
      <c r="AYT11" s="19"/>
      <c r="AYU11" s="19"/>
      <c r="AYV11" s="19"/>
      <c r="AYW11" s="19"/>
      <c r="AYX11" s="19"/>
      <c r="AYY11" s="19"/>
      <c r="AYZ11" s="19"/>
      <c r="AZA11" s="19"/>
      <c r="AZB11" s="19"/>
      <c r="AZC11" s="19"/>
      <c r="AZD11" s="19"/>
      <c r="AZE11" s="19"/>
      <c r="AZF11" s="19"/>
      <c r="AZG11" s="19"/>
      <c r="AZH11" s="19"/>
      <c r="AZI11" s="19"/>
      <c r="AZJ11" s="19"/>
      <c r="AZK11" s="19"/>
      <c r="AZL11" s="19"/>
      <c r="AZM11" s="19"/>
      <c r="AZN11" s="19"/>
      <c r="AZO11" s="19"/>
      <c r="AZP11" s="19"/>
      <c r="AZQ11" s="19"/>
      <c r="AZR11" s="19"/>
      <c r="AZS11" s="19"/>
      <c r="AZT11" s="19"/>
      <c r="AZU11" s="19"/>
      <c r="AZV11" s="19"/>
      <c r="AZW11" s="19"/>
      <c r="AZX11" s="19"/>
      <c r="AZY11" s="19"/>
      <c r="AZZ11" s="19"/>
      <c r="BAA11" s="19"/>
      <c r="BAB11" s="19"/>
      <c r="BAC11" s="19"/>
      <c r="BAD11" s="19"/>
      <c r="BAE11" s="19"/>
      <c r="BAF11" s="19"/>
      <c r="BAG11" s="19"/>
      <c r="BAH11" s="19"/>
      <c r="BAI11" s="19"/>
      <c r="BAJ11" s="19"/>
      <c r="BAK11" s="19"/>
      <c r="BAL11" s="19"/>
      <c r="BAM11" s="19"/>
      <c r="BAN11" s="19"/>
      <c r="BAO11" s="19"/>
      <c r="BAP11" s="19"/>
      <c r="BAQ11" s="19"/>
      <c r="BAR11" s="19"/>
      <c r="BAS11" s="19"/>
      <c r="BAT11" s="19"/>
      <c r="BAU11" s="19"/>
      <c r="BAV11" s="19"/>
      <c r="BAW11" s="19"/>
      <c r="BAX11" s="19"/>
      <c r="BAY11" s="19"/>
      <c r="BAZ11" s="19"/>
      <c r="BBA11" s="19"/>
      <c r="BBB11" s="19"/>
      <c r="BBC11" s="19"/>
      <c r="BBD11" s="19"/>
      <c r="BBE11" s="19"/>
      <c r="BBF11" s="19"/>
      <c r="BBG11" s="19"/>
      <c r="BBH11" s="19"/>
      <c r="BBI11" s="19"/>
      <c r="BBJ11" s="19"/>
      <c r="BBK11" s="19"/>
      <c r="BBL11" s="19"/>
      <c r="BBM11" s="19"/>
      <c r="BBN11" s="19"/>
    </row>
    <row r="12" spans="1:1418" s="21" customFormat="1" ht="20.100000000000001" customHeight="1" thickBot="1" x14ac:dyDescent="0.25">
      <c r="A12" s="75" t="s">
        <v>2</v>
      </c>
      <c r="B12" s="105"/>
      <c r="C12" s="187"/>
      <c r="D12" s="188"/>
      <c r="E12" s="189"/>
      <c r="F12" s="105"/>
      <c r="G12" s="105"/>
      <c r="H12" s="105"/>
      <c r="I12" s="105"/>
      <c r="J12" s="106"/>
      <c r="K12" s="19"/>
      <c r="L12" s="19"/>
      <c r="M12" s="19"/>
      <c r="N12" s="19"/>
      <c r="O12" s="19"/>
      <c r="P12" s="19"/>
      <c r="Q12" s="19"/>
      <c r="R12" s="19"/>
      <c r="S12" s="19"/>
      <c r="T12" s="19"/>
      <c r="U12" s="19"/>
      <c r="V12" s="19"/>
      <c r="W12" s="19"/>
      <c r="X12" s="19"/>
      <c r="Y12" s="19"/>
      <c r="Z12" s="19"/>
      <c r="AA12" s="19"/>
      <c r="AB12" s="19"/>
      <c r="AC12" s="19"/>
      <c r="AD12" s="19"/>
      <c r="AE12" s="19"/>
      <c r="AF12" s="19"/>
      <c r="AG12" s="19"/>
      <c r="AH12" s="19"/>
      <c r="AI12" s="19"/>
      <c r="AJ12" s="19"/>
      <c r="AK12" s="19"/>
      <c r="AL12" s="19"/>
      <c r="AM12" s="19"/>
      <c r="AN12" s="19"/>
      <c r="AO12" s="19"/>
      <c r="AP12" s="19"/>
      <c r="AQ12" s="19"/>
      <c r="AR12" s="19"/>
      <c r="AS12" s="19"/>
      <c r="AT12" s="19"/>
      <c r="AU12" s="19"/>
      <c r="AV12" s="19"/>
      <c r="AW12" s="19"/>
      <c r="AX12" s="19"/>
      <c r="AY12" s="19"/>
      <c r="AZ12" s="19"/>
      <c r="BA12" s="19"/>
      <c r="BB12" s="19"/>
      <c r="BC12" s="19"/>
      <c r="BD12" s="19"/>
      <c r="BE12" s="19"/>
      <c r="BF12" s="19"/>
      <c r="BG12" s="19"/>
      <c r="BH12" s="19"/>
      <c r="BI12" s="19"/>
      <c r="BJ12" s="19"/>
      <c r="BK12" s="19"/>
      <c r="BL12" s="19"/>
      <c r="BM12" s="19"/>
      <c r="BN12" s="19"/>
      <c r="BO12" s="19"/>
      <c r="BP12" s="19"/>
      <c r="BQ12" s="19"/>
      <c r="BR12" s="19"/>
      <c r="BS12" s="19"/>
      <c r="BT12" s="19"/>
      <c r="BU12" s="19"/>
      <c r="BV12" s="19"/>
      <c r="BW12" s="19"/>
      <c r="BX12" s="19"/>
      <c r="BY12" s="19"/>
      <c r="BZ12" s="19"/>
      <c r="CA12" s="19"/>
      <c r="CB12" s="19"/>
      <c r="CC12" s="19"/>
      <c r="CD12" s="19"/>
      <c r="CE12" s="19"/>
      <c r="CF12" s="19"/>
      <c r="CG12" s="19"/>
      <c r="CH12" s="19"/>
      <c r="CI12" s="19"/>
      <c r="CJ12" s="19"/>
      <c r="CK12" s="19"/>
      <c r="CL12" s="19"/>
      <c r="CM12" s="19"/>
      <c r="CN12" s="19"/>
      <c r="CO12" s="19"/>
      <c r="CP12" s="19"/>
      <c r="CQ12" s="19"/>
      <c r="CR12" s="19"/>
      <c r="CS12" s="19"/>
      <c r="CT12" s="19"/>
      <c r="CU12" s="19"/>
      <c r="CV12" s="19"/>
      <c r="CW12" s="19"/>
      <c r="CX12" s="19"/>
      <c r="CY12" s="19"/>
      <c r="CZ12" s="19"/>
      <c r="DA12" s="19"/>
      <c r="DB12" s="19"/>
      <c r="DC12" s="19"/>
      <c r="DD12" s="19"/>
      <c r="DE12" s="19"/>
      <c r="DF12" s="19"/>
      <c r="DG12" s="19"/>
      <c r="DH12" s="19"/>
      <c r="DI12" s="19"/>
      <c r="DJ12" s="19"/>
      <c r="DK12" s="19"/>
      <c r="DL12" s="19"/>
      <c r="DM12" s="19"/>
      <c r="DN12" s="19"/>
      <c r="DO12" s="19"/>
      <c r="DP12" s="19"/>
      <c r="DQ12" s="19"/>
      <c r="DR12" s="19"/>
      <c r="DS12" s="19"/>
      <c r="DT12" s="19"/>
      <c r="DU12" s="19"/>
      <c r="DV12" s="19"/>
      <c r="DW12" s="19"/>
      <c r="DX12" s="19"/>
      <c r="DY12" s="19"/>
      <c r="DZ12" s="19"/>
      <c r="EA12" s="19"/>
      <c r="EB12" s="19"/>
      <c r="EC12" s="19"/>
      <c r="ED12" s="19"/>
      <c r="EE12" s="19"/>
      <c r="EF12" s="19"/>
      <c r="EG12" s="19"/>
      <c r="EH12" s="19"/>
      <c r="EI12" s="19"/>
      <c r="EJ12" s="19"/>
      <c r="EK12" s="19"/>
      <c r="EL12" s="19"/>
      <c r="EM12" s="19"/>
      <c r="EN12" s="19"/>
      <c r="EO12" s="19"/>
      <c r="EP12" s="19"/>
      <c r="EQ12" s="19"/>
      <c r="ER12" s="19"/>
      <c r="ES12" s="19"/>
      <c r="ET12" s="19"/>
      <c r="EU12" s="19"/>
      <c r="EV12" s="19"/>
      <c r="EW12" s="19"/>
      <c r="EX12" s="19"/>
      <c r="EY12" s="19"/>
      <c r="EZ12" s="19"/>
      <c r="FA12" s="19"/>
      <c r="FB12" s="19"/>
      <c r="FC12" s="19"/>
      <c r="FD12" s="19"/>
      <c r="FE12" s="19"/>
      <c r="FF12" s="19"/>
      <c r="FG12" s="19"/>
      <c r="FH12" s="19"/>
      <c r="FI12" s="19"/>
      <c r="FJ12" s="19"/>
      <c r="FK12" s="19"/>
      <c r="FL12" s="19"/>
      <c r="FM12" s="19"/>
      <c r="FN12" s="19"/>
      <c r="FO12" s="19"/>
      <c r="FP12" s="19"/>
      <c r="FQ12" s="19"/>
      <c r="FR12" s="19"/>
      <c r="FS12" s="19"/>
      <c r="FT12" s="19"/>
      <c r="FU12" s="19"/>
      <c r="FV12" s="19"/>
      <c r="FW12" s="19"/>
      <c r="FX12" s="19"/>
      <c r="FY12" s="19"/>
      <c r="FZ12" s="19"/>
      <c r="GA12" s="19"/>
      <c r="GB12" s="19"/>
      <c r="GC12" s="19"/>
      <c r="GD12" s="19"/>
      <c r="GE12" s="19"/>
      <c r="GF12" s="19"/>
      <c r="GG12" s="19"/>
      <c r="GH12" s="19"/>
      <c r="GI12" s="19"/>
      <c r="GJ12" s="19"/>
      <c r="GK12" s="19"/>
      <c r="GL12" s="19"/>
      <c r="GM12" s="19"/>
      <c r="GN12" s="19"/>
      <c r="GO12" s="19"/>
      <c r="GP12" s="19"/>
      <c r="GQ12" s="19"/>
      <c r="GR12" s="19"/>
      <c r="GS12" s="19"/>
      <c r="GT12" s="19"/>
      <c r="GU12" s="19"/>
      <c r="GV12" s="19"/>
      <c r="GW12" s="19"/>
      <c r="GX12" s="19"/>
      <c r="GY12" s="19"/>
      <c r="GZ12" s="19"/>
      <c r="HA12" s="19"/>
      <c r="HB12" s="19"/>
      <c r="HC12" s="19"/>
      <c r="HD12" s="19"/>
      <c r="HE12" s="19"/>
      <c r="HF12" s="19"/>
      <c r="HG12" s="19"/>
      <c r="HH12" s="19"/>
      <c r="HI12" s="19"/>
      <c r="HJ12" s="19"/>
      <c r="HK12" s="19"/>
      <c r="HL12" s="19"/>
      <c r="HM12" s="19"/>
      <c r="HN12" s="19"/>
      <c r="HO12" s="19"/>
      <c r="HP12" s="19"/>
      <c r="HQ12" s="19"/>
      <c r="HR12" s="19"/>
      <c r="HS12" s="19"/>
      <c r="HT12" s="19"/>
      <c r="HU12" s="19"/>
      <c r="HV12" s="19"/>
      <c r="HW12" s="19"/>
      <c r="HX12" s="19"/>
      <c r="HY12" s="19"/>
      <c r="HZ12" s="19"/>
      <c r="IA12" s="19"/>
      <c r="IB12" s="19"/>
      <c r="IC12" s="19"/>
      <c r="ID12" s="19"/>
      <c r="IE12" s="19"/>
      <c r="IF12" s="19"/>
      <c r="IG12" s="19"/>
      <c r="IH12" s="19"/>
      <c r="II12" s="19"/>
      <c r="IJ12" s="19"/>
      <c r="IK12" s="19"/>
      <c r="IL12" s="19"/>
      <c r="IM12" s="19"/>
      <c r="IN12" s="19"/>
      <c r="IO12" s="19"/>
      <c r="IP12" s="19"/>
      <c r="IQ12" s="19"/>
      <c r="IR12" s="19"/>
      <c r="IS12" s="19"/>
      <c r="IT12" s="19"/>
      <c r="IU12" s="19"/>
      <c r="IV12" s="19"/>
      <c r="IW12" s="19"/>
      <c r="IX12" s="19"/>
      <c r="IY12" s="19"/>
      <c r="IZ12" s="19"/>
      <c r="JA12" s="19"/>
      <c r="JB12" s="19"/>
      <c r="JC12" s="19"/>
      <c r="JD12" s="19"/>
      <c r="JE12" s="19"/>
      <c r="JF12" s="19"/>
      <c r="JG12" s="19"/>
      <c r="JH12" s="19"/>
      <c r="JI12" s="19"/>
      <c r="JJ12" s="19"/>
      <c r="JK12" s="19"/>
      <c r="JL12" s="19"/>
      <c r="JM12" s="19"/>
      <c r="JN12" s="19"/>
      <c r="JO12" s="19"/>
      <c r="JP12" s="19"/>
      <c r="JQ12" s="19"/>
      <c r="JR12" s="19"/>
      <c r="JS12" s="19"/>
      <c r="JT12" s="19"/>
      <c r="JU12" s="19"/>
      <c r="JV12" s="19"/>
      <c r="JW12" s="19"/>
      <c r="JX12" s="19"/>
      <c r="JY12" s="19"/>
      <c r="JZ12" s="19"/>
      <c r="KA12" s="19"/>
      <c r="KB12" s="19"/>
      <c r="KC12" s="19"/>
      <c r="KD12" s="19"/>
      <c r="KE12" s="19"/>
      <c r="KF12" s="19"/>
      <c r="KG12" s="19"/>
      <c r="KH12" s="19"/>
      <c r="KI12" s="19"/>
      <c r="KJ12" s="19"/>
      <c r="KK12" s="19"/>
      <c r="KL12" s="19"/>
      <c r="KM12" s="19"/>
      <c r="KN12" s="19"/>
      <c r="KO12" s="19"/>
      <c r="KP12" s="19"/>
      <c r="KQ12" s="19"/>
      <c r="KR12" s="19"/>
      <c r="KS12" s="19"/>
      <c r="KT12" s="19"/>
      <c r="KU12" s="19"/>
      <c r="KV12" s="19"/>
      <c r="KW12" s="19"/>
      <c r="KX12" s="19"/>
      <c r="KY12" s="19"/>
      <c r="KZ12" s="19"/>
      <c r="LA12" s="19"/>
      <c r="LB12" s="19"/>
      <c r="LC12" s="19"/>
      <c r="LD12" s="19"/>
      <c r="LE12" s="19"/>
      <c r="LF12" s="19"/>
      <c r="LG12" s="19"/>
      <c r="LH12" s="19"/>
      <c r="LI12" s="19"/>
      <c r="LJ12" s="19"/>
      <c r="LK12" s="19"/>
      <c r="LL12" s="19"/>
      <c r="LM12" s="19"/>
      <c r="LN12" s="19"/>
      <c r="LO12" s="19"/>
      <c r="LP12" s="19"/>
      <c r="LQ12" s="19"/>
      <c r="LR12" s="19"/>
      <c r="LS12" s="19"/>
      <c r="LT12" s="19"/>
      <c r="LU12" s="19"/>
      <c r="LV12" s="19"/>
      <c r="LW12" s="19"/>
      <c r="LX12" s="19"/>
      <c r="LY12" s="19"/>
      <c r="LZ12" s="19"/>
      <c r="MA12" s="19"/>
      <c r="MB12" s="19"/>
      <c r="MC12" s="19"/>
      <c r="MD12" s="19"/>
      <c r="ME12" s="19"/>
      <c r="MF12" s="19"/>
      <c r="MG12" s="19"/>
      <c r="MH12" s="19"/>
      <c r="MI12" s="19"/>
      <c r="MJ12" s="19"/>
      <c r="MK12" s="19"/>
      <c r="ML12" s="19"/>
      <c r="MM12" s="19"/>
      <c r="MN12" s="19"/>
      <c r="MO12" s="19"/>
      <c r="MP12" s="19"/>
      <c r="MQ12" s="19"/>
      <c r="MR12" s="19"/>
      <c r="MS12" s="19"/>
      <c r="MT12" s="19"/>
      <c r="MU12" s="19"/>
      <c r="MV12" s="19"/>
      <c r="MW12" s="19"/>
      <c r="MX12" s="19"/>
      <c r="MY12" s="19"/>
      <c r="MZ12" s="19"/>
      <c r="NA12" s="19"/>
      <c r="NB12" s="19"/>
      <c r="NC12" s="19"/>
      <c r="ND12" s="19"/>
      <c r="NE12" s="19"/>
      <c r="NF12" s="19"/>
      <c r="NG12" s="19"/>
      <c r="NH12" s="19"/>
      <c r="NI12" s="19"/>
      <c r="NJ12" s="19"/>
      <c r="NK12" s="19"/>
      <c r="NL12" s="19"/>
      <c r="NM12" s="19"/>
      <c r="NN12" s="19"/>
      <c r="NO12" s="19"/>
      <c r="NP12" s="19"/>
      <c r="NQ12" s="19"/>
      <c r="NR12" s="19"/>
      <c r="NS12" s="19"/>
      <c r="NT12" s="19"/>
      <c r="NU12" s="19"/>
      <c r="NV12" s="19"/>
      <c r="NW12" s="19"/>
      <c r="NX12" s="19"/>
      <c r="NY12" s="19"/>
      <c r="NZ12" s="19"/>
      <c r="OA12" s="19"/>
      <c r="OB12" s="19"/>
      <c r="OC12" s="19"/>
      <c r="OD12" s="19"/>
      <c r="OE12" s="19"/>
      <c r="OF12" s="19"/>
      <c r="OG12" s="19"/>
      <c r="OH12" s="19"/>
      <c r="OI12" s="19"/>
      <c r="OJ12" s="19"/>
      <c r="OK12" s="19"/>
      <c r="OL12" s="19"/>
      <c r="OM12" s="19"/>
      <c r="ON12" s="19"/>
      <c r="OO12" s="19"/>
      <c r="OP12" s="19"/>
      <c r="OQ12" s="19"/>
      <c r="OR12" s="19"/>
      <c r="OS12" s="19"/>
      <c r="OT12" s="19"/>
      <c r="OU12" s="19"/>
      <c r="OV12" s="19"/>
      <c r="OW12" s="19"/>
      <c r="OX12" s="19"/>
      <c r="OY12" s="19"/>
      <c r="OZ12" s="19"/>
      <c r="PA12" s="19"/>
      <c r="PB12" s="19"/>
      <c r="PC12" s="19"/>
      <c r="PD12" s="19"/>
      <c r="PE12" s="19"/>
      <c r="PF12" s="19"/>
      <c r="PG12" s="19"/>
      <c r="PH12" s="19"/>
      <c r="PI12" s="19"/>
      <c r="PJ12" s="19"/>
      <c r="PK12" s="19"/>
      <c r="PL12" s="19"/>
      <c r="PM12" s="19"/>
      <c r="PN12" s="19"/>
      <c r="PO12" s="19"/>
      <c r="PP12" s="19"/>
      <c r="PQ12" s="19"/>
      <c r="PR12" s="19"/>
      <c r="PS12" s="19"/>
      <c r="PT12" s="19"/>
      <c r="PU12" s="19"/>
      <c r="PV12" s="19"/>
      <c r="PW12" s="19"/>
      <c r="PX12" s="19"/>
      <c r="PY12" s="19"/>
      <c r="PZ12" s="19"/>
      <c r="QA12" s="19"/>
      <c r="QB12" s="19"/>
      <c r="QC12" s="19"/>
      <c r="QD12" s="19"/>
      <c r="QE12" s="19"/>
      <c r="QF12" s="19"/>
      <c r="QG12" s="19"/>
      <c r="QH12" s="19"/>
      <c r="QI12" s="19"/>
      <c r="QJ12" s="19"/>
      <c r="QK12" s="19"/>
      <c r="QL12" s="19"/>
      <c r="QM12" s="19"/>
      <c r="QN12" s="19"/>
      <c r="QO12" s="19"/>
      <c r="QP12" s="19"/>
      <c r="QQ12" s="19"/>
      <c r="QR12" s="19"/>
      <c r="QS12" s="19"/>
      <c r="QT12" s="19"/>
      <c r="QU12" s="19"/>
      <c r="QV12" s="19"/>
      <c r="QW12" s="19"/>
      <c r="QX12" s="19"/>
      <c r="QY12" s="19"/>
      <c r="QZ12" s="19"/>
      <c r="RA12" s="19"/>
      <c r="RB12" s="19"/>
      <c r="RC12" s="19"/>
      <c r="RD12" s="19"/>
      <c r="RE12" s="19"/>
      <c r="RF12" s="19"/>
      <c r="RG12" s="19"/>
      <c r="RH12" s="19"/>
      <c r="RI12" s="19"/>
      <c r="RJ12" s="19"/>
      <c r="RK12" s="19"/>
      <c r="RL12" s="19"/>
      <c r="RM12" s="19"/>
      <c r="RN12" s="19"/>
      <c r="RO12" s="19"/>
      <c r="RP12" s="19"/>
      <c r="RQ12" s="19"/>
      <c r="RR12" s="19"/>
      <c r="RS12" s="19"/>
      <c r="RT12" s="19"/>
      <c r="RU12" s="19"/>
      <c r="RV12" s="19"/>
      <c r="RW12" s="19"/>
      <c r="RX12" s="19"/>
      <c r="RY12" s="19"/>
      <c r="RZ12" s="19"/>
      <c r="SA12" s="19"/>
      <c r="SB12" s="19"/>
      <c r="SC12" s="19"/>
      <c r="SD12" s="19"/>
      <c r="SE12" s="19"/>
      <c r="SF12" s="19"/>
      <c r="SG12" s="19"/>
      <c r="SH12" s="19"/>
      <c r="SI12" s="19"/>
      <c r="SJ12" s="19"/>
      <c r="SK12" s="19"/>
      <c r="SL12" s="19"/>
      <c r="SM12" s="19"/>
      <c r="SN12" s="19"/>
      <c r="SO12" s="19"/>
      <c r="SP12" s="19"/>
      <c r="SQ12" s="19"/>
      <c r="SR12" s="19"/>
      <c r="SS12" s="19"/>
      <c r="ST12" s="19"/>
      <c r="SU12" s="19"/>
      <c r="SV12" s="19"/>
      <c r="SW12" s="19"/>
      <c r="SX12" s="19"/>
      <c r="SY12" s="19"/>
      <c r="SZ12" s="19"/>
      <c r="TA12" s="19"/>
      <c r="TB12" s="19"/>
      <c r="TC12" s="19"/>
      <c r="TD12" s="19"/>
      <c r="TE12" s="19"/>
      <c r="TF12" s="19"/>
      <c r="TG12" s="19"/>
      <c r="TH12" s="19"/>
      <c r="TI12" s="19"/>
      <c r="TJ12" s="19"/>
      <c r="TK12" s="19"/>
      <c r="TL12" s="19"/>
      <c r="TM12" s="19"/>
      <c r="TN12" s="19"/>
      <c r="TO12" s="19"/>
      <c r="TP12" s="19"/>
      <c r="TQ12" s="19"/>
      <c r="TR12" s="19"/>
      <c r="TS12" s="19"/>
      <c r="TT12" s="19"/>
      <c r="TU12" s="19"/>
      <c r="TV12" s="19"/>
      <c r="TW12" s="19"/>
      <c r="TX12" s="19"/>
      <c r="TY12" s="19"/>
      <c r="TZ12" s="19"/>
      <c r="UA12" s="19"/>
      <c r="UB12" s="19"/>
      <c r="UC12" s="19"/>
      <c r="UD12" s="19"/>
      <c r="UE12" s="19"/>
      <c r="UF12" s="19"/>
      <c r="UG12" s="19"/>
      <c r="UH12" s="19"/>
      <c r="UI12" s="19"/>
      <c r="UJ12" s="19"/>
      <c r="UK12" s="19"/>
      <c r="UL12" s="19"/>
      <c r="UM12" s="19"/>
      <c r="UN12" s="19"/>
      <c r="UO12" s="19"/>
      <c r="UP12" s="19"/>
      <c r="UQ12" s="19"/>
      <c r="UR12" s="19"/>
      <c r="US12" s="19"/>
      <c r="UT12" s="19"/>
      <c r="UU12" s="19"/>
      <c r="UV12" s="19"/>
      <c r="UW12" s="19"/>
      <c r="UX12" s="19"/>
      <c r="UY12" s="19"/>
      <c r="UZ12" s="19"/>
      <c r="VA12" s="19"/>
      <c r="VB12" s="19"/>
      <c r="VC12" s="19"/>
      <c r="VD12" s="19"/>
      <c r="VE12" s="19"/>
      <c r="VF12" s="19"/>
      <c r="VG12" s="19"/>
      <c r="VH12" s="19"/>
      <c r="VI12" s="19"/>
      <c r="VJ12" s="19"/>
      <c r="VK12" s="19"/>
      <c r="VL12" s="19"/>
      <c r="VM12" s="19"/>
      <c r="VN12" s="19"/>
      <c r="VO12" s="19"/>
      <c r="VP12" s="19"/>
      <c r="VQ12" s="19"/>
      <c r="VR12" s="19"/>
      <c r="VS12" s="19"/>
      <c r="VT12" s="19"/>
      <c r="VU12" s="19"/>
      <c r="VV12" s="19"/>
      <c r="VW12" s="19"/>
      <c r="VX12" s="19"/>
      <c r="VY12" s="19"/>
      <c r="VZ12" s="19"/>
      <c r="WA12" s="19"/>
      <c r="WB12" s="19"/>
      <c r="WC12" s="19"/>
      <c r="WD12" s="19"/>
      <c r="WE12" s="19"/>
      <c r="WF12" s="19"/>
      <c r="WG12" s="19"/>
      <c r="WH12" s="19"/>
      <c r="WI12" s="19"/>
      <c r="WJ12" s="19"/>
      <c r="WK12" s="19"/>
      <c r="WL12" s="19"/>
      <c r="WM12" s="19"/>
      <c r="WN12" s="19"/>
      <c r="WO12" s="19"/>
      <c r="WP12" s="19"/>
      <c r="WQ12" s="19"/>
      <c r="WR12" s="19"/>
      <c r="WS12" s="19"/>
      <c r="WT12" s="19"/>
      <c r="WU12" s="19"/>
      <c r="WV12" s="19"/>
      <c r="WW12" s="19"/>
      <c r="WX12" s="19"/>
      <c r="WY12" s="19"/>
      <c r="WZ12" s="19"/>
      <c r="XA12" s="19"/>
      <c r="XB12" s="19"/>
      <c r="XC12" s="19"/>
      <c r="XD12" s="19"/>
      <c r="XE12" s="19"/>
      <c r="XF12" s="19"/>
      <c r="XG12" s="19"/>
      <c r="XH12" s="19"/>
      <c r="XI12" s="19"/>
      <c r="XJ12" s="19"/>
      <c r="XK12" s="19"/>
      <c r="XL12" s="19"/>
      <c r="XM12" s="19"/>
      <c r="XN12" s="19"/>
      <c r="XO12" s="19"/>
      <c r="XP12" s="19"/>
      <c r="XQ12" s="19"/>
      <c r="XR12" s="19"/>
      <c r="XS12" s="19"/>
      <c r="XT12" s="19"/>
      <c r="XU12" s="19"/>
      <c r="XV12" s="19"/>
      <c r="XW12" s="19"/>
      <c r="XX12" s="19"/>
      <c r="XY12" s="19"/>
      <c r="XZ12" s="19"/>
      <c r="YA12" s="19"/>
      <c r="YB12" s="19"/>
      <c r="YC12" s="19"/>
      <c r="YD12" s="19"/>
      <c r="YE12" s="19"/>
      <c r="YF12" s="19"/>
      <c r="YG12" s="19"/>
      <c r="YH12" s="19"/>
      <c r="YI12" s="19"/>
      <c r="YJ12" s="19"/>
      <c r="YK12" s="19"/>
      <c r="YL12" s="19"/>
      <c r="YM12" s="19"/>
      <c r="YN12" s="19"/>
      <c r="YO12" s="19"/>
      <c r="YP12" s="19"/>
      <c r="YQ12" s="19"/>
      <c r="YR12" s="19"/>
      <c r="YS12" s="19"/>
      <c r="YT12" s="19"/>
      <c r="YU12" s="19"/>
      <c r="YV12" s="19"/>
      <c r="YW12" s="19"/>
      <c r="YX12" s="19"/>
      <c r="YY12" s="19"/>
      <c r="YZ12" s="19"/>
      <c r="ZA12" s="19"/>
      <c r="ZB12" s="19"/>
      <c r="ZC12" s="19"/>
      <c r="ZD12" s="19"/>
      <c r="ZE12" s="19"/>
      <c r="ZF12" s="19"/>
      <c r="ZG12" s="19"/>
      <c r="ZH12" s="19"/>
      <c r="ZI12" s="19"/>
      <c r="ZJ12" s="19"/>
      <c r="ZK12" s="19"/>
      <c r="ZL12" s="19"/>
      <c r="ZM12" s="19"/>
      <c r="ZN12" s="19"/>
      <c r="ZO12" s="19"/>
      <c r="ZP12" s="19"/>
      <c r="ZQ12" s="19"/>
      <c r="ZR12" s="19"/>
      <c r="ZS12" s="19"/>
      <c r="ZT12" s="19"/>
      <c r="ZU12" s="19"/>
      <c r="ZV12" s="19"/>
      <c r="ZW12" s="19"/>
      <c r="ZX12" s="19"/>
      <c r="ZY12" s="19"/>
      <c r="ZZ12" s="19"/>
      <c r="AAA12" s="19"/>
      <c r="AAB12" s="19"/>
      <c r="AAC12" s="19"/>
      <c r="AAD12" s="19"/>
      <c r="AAE12" s="19"/>
      <c r="AAF12" s="19"/>
      <c r="AAG12" s="19"/>
      <c r="AAH12" s="19"/>
      <c r="AAI12" s="19"/>
      <c r="AAJ12" s="19"/>
      <c r="AAK12" s="19"/>
      <c r="AAL12" s="19"/>
      <c r="AAM12" s="19"/>
      <c r="AAN12" s="19"/>
      <c r="AAO12" s="19"/>
      <c r="AAP12" s="19"/>
      <c r="AAQ12" s="19"/>
      <c r="AAR12" s="19"/>
      <c r="AAS12" s="19"/>
      <c r="AAT12" s="19"/>
      <c r="AAU12" s="19"/>
      <c r="AAV12" s="19"/>
      <c r="AAW12" s="19"/>
      <c r="AAX12" s="19"/>
      <c r="AAY12" s="19"/>
      <c r="AAZ12" s="19"/>
      <c r="ABA12" s="19"/>
      <c r="ABB12" s="19"/>
      <c r="ABC12" s="19"/>
      <c r="ABD12" s="19"/>
      <c r="ABE12" s="19"/>
      <c r="ABF12" s="19"/>
      <c r="ABG12" s="19"/>
      <c r="ABH12" s="19"/>
      <c r="ABI12" s="19"/>
      <c r="ABJ12" s="19"/>
      <c r="ABK12" s="19"/>
      <c r="ABL12" s="19"/>
      <c r="ABM12" s="19"/>
      <c r="ABN12" s="19"/>
      <c r="ABO12" s="19"/>
      <c r="ABP12" s="19"/>
      <c r="ABQ12" s="19"/>
      <c r="ABR12" s="19"/>
      <c r="ABS12" s="19"/>
      <c r="ABT12" s="19"/>
      <c r="ABU12" s="19"/>
      <c r="ABV12" s="19"/>
      <c r="ABW12" s="19"/>
      <c r="ABX12" s="19"/>
      <c r="ABY12" s="19"/>
      <c r="ABZ12" s="19"/>
      <c r="ACA12" s="19"/>
      <c r="ACB12" s="19"/>
      <c r="ACC12" s="19"/>
      <c r="ACD12" s="19"/>
      <c r="ACE12" s="19"/>
      <c r="ACF12" s="19"/>
      <c r="ACG12" s="19"/>
      <c r="ACH12" s="19"/>
      <c r="ACI12" s="19"/>
      <c r="ACJ12" s="19"/>
      <c r="ACK12" s="19"/>
      <c r="ACL12" s="19"/>
      <c r="ACM12" s="19"/>
      <c r="ACN12" s="19"/>
      <c r="ACO12" s="19"/>
      <c r="ACP12" s="19"/>
      <c r="ACQ12" s="19"/>
      <c r="ACR12" s="19"/>
      <c r="ACS12" s="19"/>
      <c r="ACT12" s="19"/>
      <c r="ACU12" s="19"/>
      <c r="ACV12" s="19"/>
      <c r="ACW12" s="19"/>
      <c r="ACX12" s="19"/>
      <c r="ACY12" s="19"/>
      <c r="ACZ12" s="19"/>
      <c r="ADA12" s="19"/>
      <c r="ADB12" s="19"/>
      <c r="ADC12" s="19"/>
      <c r="ADD12" s="19"/>
      <c r="ADE12" s="19"/>
      <c r="ADF12" s="19"/>
      <c r="ADG12" s="19"/>
      <c r="ADH12" s="19"/>
      <c r="ADI12" s="19"/>
      <c r="ADJ12" s="19"/>
      <c r="ADK12" s="19"/>
      <c r="ADL12" s="19"/>
      <c r="ADM12" s="19"/>
      <c r="ADN12" s="19"/>
      <c r="ADO12" s="19"/>
      <c r="ADP12" s="19"/>
      <c r="ADQ12" s="19"/>
      <c r="ADR12" s="19"/>
      <c r="ADS12" s="19"/>
      <c r="ADT12" s="19"/>
      <c r="ADU12" s="19"/>
      <c r="ADV12" s="19"/>
      <c r="ADW12" s="19"/>
      <c r="ADX12" s="19"/>
      <c r="ADY12" s="19"/>
      <c r="ADZ12" s="19"/>
      <c r="AEA12" s="19"/>
      <c r="AEB12" s="19"/>
      <c r="AEC12" s="19"/>
      <c r="AED12" s="19"/>
      <c r="AEE12" s="19"/>
      <c r="AEF12" s="19"/>
      <c r="AEG12" s="19"/>
      <c r="AEH12" s="19"/>
      <c r="AEI12" s="19"/>
      <c r="AEJ12" s="19"/>
      <c r="AEK12" s="19"/>
      <c r="AEL12" s="19"/>
      <c r="AEM12" s="19"/>
      <c r="AEN12" s="19"/>
      <c r="AEO12" s="19"/>
      <c r="AEP12" s="19"/>
      <c r="AEQ12" s="19"/>
      <c r="AER12" s="19"/>
      <c r="AES12" s="19"/>
      <c r="AET12" s="19"/>
      <c r="AEU12" s="19"/>
      <c r="AEV12" s="19"/>
      <c r="AEW12" s="19"/>
      <c r="AEX12" s="19"/>
      <c r="AEY12" s="19"/>
      <c r="AEZ12" s="19"/>
      <c r="AFA12" s="19"/>
      <c r="AFB12" s="19"/>
      <c r="AFC12" s="19"/>
      <c r="AFD12" s="19"/>
      <c r="AFE12" s="19"/>
      <c r="AFF12" s="19"/>
      <c r="AFG12" s="19"/>
      <c r="AFH12" s="19"/>
      <c r="AFI12" s="19"/>
      <c r="AFJ12" s="19"/>
      <c r="AFK12" s="19"/>
      <c r="AFL12" s="19"/>
      <c r="AFM12" s="19"/>
      <c r="AFN12" s="19"/>
      <c r="AFO12" s="19"/>
      <c r="AFP12" s="19"/>
      <c r="AFQ12" s="19"/>
      <c r="AFR12" s="19"/>
      <c r="AFS12" s="19"/>
      <c r="AFT12" s="19"/>
      <c r="AFU12" s="19"/>
      <c r="AFV12" s="19"/>
      <c r="AFW12" s="19"/>
      <c r="AFX12" s="19"/>
      <c r="AFY12" s="19"/>
      <c r="AFZ12" s="19"/>
      <c r="AGA12" s="19"/>
      <c r="AGB12" s="19"/>
      <c r="AGC12" s="19"/>
      <c r="AGD12" s="19"/>
      <c r="AGE12" s="19"/>
      <c r="AGF12" s="19"/>
      <c r="AGG12" s="19"/>
      <c r="AGH12" s="19"/>
      <c r="AGI12" s="19"/>
      <c r="AGJ12" s="19"/>
      <c r="AGK12" s="19"/>
      <c r="AGL12" s="19"/>
      <c r="AGM12" s="19"/>
      <c r="AGN12" s="19"/>
      <c r="AGO12" s="19"/>
      <c r="AGP12" s="19"/>
      <c r="AGQ12" s="19"/>
      <c r="AGR12" s="19"/>
      <c r="AGS12" s="19"/>
      <c r="AGT12" s="19"/>
      <c r="AGU12" s="19"/>
      <c r="AGV12" s="19"/>
      <c r="AGW12" s="19"/>
      <c r="AGX12" s="19"/>
      <c r="AGY12" s="19"/>
      <c r="AGZ12" s="19"/>
      <c r="AHA12" s="19"/>
      <c r="AHB12" s="19"/>
      <c r="AHC12" s="19"/>
      <c r="AHD12" s="19"/>
      <c r="AHE12" s="19"/>
      <c r="AHF12" s="19"/>
      <c r="AHG12" s="19"/>
      <c r="AHH12" s="19"/>
      <c r="AHI12" s="19"/>
      <c r="AHJ12" s="19"/>
      <c r="AHK12" s="19"/>
      <c r="AHL12" s="19"/>
      <c r="AHM12" s="19"/>
      <c r="AHN12" s="19"/>
      <c r="AHO12" s="19"/>
      <c r="AHP12" s="19"/>
      <c r="AHQ12" s="19"/>
      <c r="AHR12" s="19"/>
      <c r="AHS12" s="19"/>
      <c r="AHT12" s="19"/>
      <c r="AHU12" s="19"/>
      <c r="AHV12" s="19"/>
      <c r="AHW12" s="19"/>
      <c r="AHX12" s="19"/>
      <c r="AHY12" s="19"/>
      <c r="AHZ12" s="19"/>
      <c r="AIA12" s="19"/>
      <c r="AIB12" s="19"/>
      <c r="AIC12" s="19"/>
      <c r="AID12" s="19"/>
      <c r="AIE12" s="19"/>
      <c r="AIF12" s="19"/>
      <c r="AIG12" s="19"/>
      <c r="AIH12" s="19"/>
      <c r="AII12" s="19"/>
      <c r="AIJ12" s="19"/>
      <c r="AIK12" s="19"/>
      <c r="AIL12" s="19"/>
      <c r="AIM12" s="19"/>
      <c r="AIN12" s="19"/>
      <c r="AIO12" s="19"/>
      <c r="AIP12" s="19"/>
      <c r="AIQ12" s="19"/>
      <c r="AIR12" s="19"/>
      <c r="AIS12" s="19"/>
      <c r="AIT12" s="19"/>
      <c r="AIU12" s="19"/>
      <c r="AIV12" s="19"/>
      <c r="AIW12" s="19"/>
      <c r="AIX12" s="19"/>
      <c r="AIY12" s="19"/>
      <c r="AIZ12" s="19"/>
      <c r="AJA12" s="19"/>
      <c r="AJB12" s="19"/>
      <c r="AJC12" s="19"/>
      <c r="AJD12" s="19"/>
      <c r="AJE12" s="19"/>
      <c r="AJF12" s="19"/>
      <c r="AJG12" s="19"/>
      <c r="AJH12" s="19"/>
      <c r="AJI12" s="19"/>
      <c r="AJJ12" s="19"/>
      <c r="AJK12" s="19"/>
      <c r="AJL12" s="19"/>
      <c r="AJM12" s="19"/>
      <c r="AJN12" s="19"/>
      <c r="AJO12" s="19"/>
      <c r="AJP12" s="19"/>
      <c r="AJQ12" s="19"/>
      <c r="AJR12" s="19"/>
      <c r="AJS12" s="19"/>
      <c r="AJT12" s="19"/>
      <c r="AJU12" s="19"/>
      <c r="AJV12" s="19"/>
      <c r="AJW12" s="19"/>
      <c r="AJX12" s="19"/>
      <c r="AJY12" s="19"/>
      <c r="AJZ12" s="19"/>
      <c r="AKA12" s="19"/>
      <c r="AKB12" s="19"/>
      <c r="AKC12" s="19"/>
      <c r="AKD12" s="19"/>
      <c r="AKE12" s="19"/>
      <c r="AKF12" s="19"/>
      <c r="AKG12" s="19"/>
      <c r="AKH12" s="19"/>
      <c r="AKI12" s="19"/>
      <c r="AKJ12" s="19"/>
      <c r="AKK12" s="19"/>
      <c r="AKL12" s="19"/>
      <c r="AKM12" s="19"/>
      <c r="AKN12" s="19"/>
      <c r="AKO12" s="19"/>
      <c r="AKP12" s="19"/>
      <c r="AKQ12" s="19"/>
      <c r="AKR12" s="19"/>
      <c r="AKS12" s="19"/>
      <c r="AKT12" s="19"/>
      <c r="AKU12" s="19"/>
      <c r="AKV12" s="19"/>
      <c r="AKW12" s="19"/>
      <c r="AKX12" s="19"/>
      <c r="AKY12" s="19"/>
      <c r="AKZ12" s="19"/>
      <c r="ALA12" s="19"/>
      <c r="ALB12" s="19"/>
      <c r="ALC12" s="19"/>
      <c r="ALD12" s="19"/>
      <c r="ALE12" s="19"/>
      <c r="ALF12" s="19"/>
      <c r="ALG12" s="19"/>
      <c r="ALH12" s="19"/>
      <c r="ALI12" s="19"/>
      <c r="ALJ12" s="19"/>
      <c r="ALK12" s="19"/>
      <c r="ALL12" s="19"/>
      <c r="ALM12" s="19"/>
      <c r="ALN12" s="19"/>
      <c r="ALO12" s="19"/>
      <c r="ALP12" s="19"/>
      <c r="ALQ12" s="19"/>
      <c r="ALR12" s="19"/>
      <c r="ALS12" s="19"/>
      <c r="ALT12" s="19"/>
      <c r="ALU12" s="19"/>
      <c r="ALV12" s="19"/>
      <c r="ALW12" s="19"/>
      <c r="ALX12" s="19"/>
      <c r="ALY12" s="19"/>
      <c r="ALZ12" s="19"/>
      <c r="AMA12" s="19"/>
      <c r="AMB12" s="19"/>
      <c r="AMC12" s="19"/>
      <c r="AMD12" s="19"/>
      <c r="AME12" s="19"/>
      <c r="AMF12" s="19"/>
      <c r="AMG12" s="19"/>
      <c r="AMH12" s="19"/>
      <c r="AMI12" s="19"/>
      <c r="AMJ12" s="19"/>
      <c r="AMK12" s="19"/>
      <c r="AML12" s="19"/>
      <c r="AMM12" s="19"/>
      <c r="AMN12" s="19"/>
      <c r="AMO12" s="19"/>
      <c r="AMP12" s="19"/>
      <c r="AMQ12" s="19"/>
      <c r="AMR12" s="19"/>
      <c r="AMS12" s="19"/>
      <c r="AMT12" s="19"/>
      <c r="AMU12" s="19"/>
      <c r="AMV12" s="19"/>
      <c r="AMW12" s="19"/>
      <c r="AMX12" s="19"/>
      <c r="AMY12" s="19"/>
      <c r="AMZ12" s="19"/>
      <c r="ANA12" s="19"/>
      <c r="ANB12" s="19"/>
      <c r="ANC12" s="19"/>
      <c r="AND12" s="19"/>
      <c r="ANE12" s="19"/>
      <c r="ANF12" s="19"/>
      <c r="ANG12" s="19"/>
      <c r="ANH12" s="19"/>
      <c r="ANI12" s="19"/>
      <c r="ANJ12" s="19"/>
      <c r="ANK12" s="19"/>
      <c r="ANL12" s="19"/>
      <c r="ANM12" s="19"/>
      <c r="ANN12" s="19"/>
      <c r="ANO12" s="19"/>
      <c r="ANP12" s="19"/>
      <c r="ANQ12" s="19"/>
      <c r="ANR12" s="19"/>
      <c r="ANS12" s="19"/>
      <c r="ANT12" s="19"/>
      <c r="ANU12" s="19"/>
      <c r="ANV12" s="19"/>
      <c r="ANW12" s="19"/>
      <c r="ANX12" s="19"/>
      <c r="ANY12" s="19"/>
      <c r="ANZ12" s="19"/>
      <c r="AOA12" s="19"/>
      <c r="AOB12" s="19"/>
      <c r="AOC12" s="19"/>
      <c r="AOD12" s="19"/>
      <c r="AOE12" s="19"/>
      <c r="AOF12" s="19"/>
      <c r="AOG12" s="19"/>
      <c r="AOH12" s="19"/>
      <c r="AOI12" s="19"/>
      <c r="AOJ12" s="19"/>
      <c r="AOK12" s="19"/>
      <c r="AOL12" s="19"/>
      <c r="AOM12" s="19"/>
      <c r="AON12" s="19"/>
      <c r="AOO12" s="19"/>
      <c r="AOP12" s="19"/>
      <c r="AOQ12" s="19"/>
      <c r="AOR12" s="19"/>
      <c r="AOS12" s="19"/>
      <c r="AOT12" s="19"/>
      <c r="AOU12" s="19"/>
      <c r="AOV12" s="19"/>
      <c r="AOW12" s="19"/>
      <c r="AOX12" s="19"/>
      <c r="AOY12" s="19"/>
      <c r="AOZ12" s="19"/>
      <c r="APA12" s="19"/>
      <c r="APB12" s="19"/>
      <c r="APC12" s="19"/>
      <c r="APD12" s="19"/>
      <c r="APE12" s="19"/>
      <c r="APF12" s="19"/>
      <c r="APG12" s="19"/>
      <c r="APH12" s="19"/>
      <c r="API12" s="19"/>
      <c r="APJ12" s="19"/>
      <c r="APK12" s="19"/>
      <c r="APL12" s="19"/>
      <c r="APM12" s="19"/>
      <c r="APN12" s="19"/>
      <c r="APO12" s="19"/>
      <c r="APP12" s="19"/>
      <c r="APQ12" s="19"/>
      <c r="APR12" s="19"/>
      <c r="APS12" s="19"/>
      <c r="APT12" s="19"/>
      <c r="APU12" s="19"/>
      <c r="APV12" s="19"/>
      <c r="APW12" s="19"/>
      <c r="APX12" s="19"/>
      <c r="APY12" s="19"/>
      <c r="APZ12" s="19"/>
      <c r="AQA12" s="19"/>
      <c r="AQB12" s="19"/>
      <c r="AQC12" s="19"/>
      <c r="AQD12" s="19"/>
      <c r="AQE12" s="19"/>
      <c r="AQF12" s="19"/>
      <c r="AQG12" s="19"/>
      <c r="AQH12" s="19"/>
      <c r="AQI12" s="19"/>
      <c r="AQJ12" s="19"/>
      <c r="AQK12" s="19"/>
      <c r="AQL12" s="19"/>
      <c r="AQM12" s="19"/>
      <c r="AQN12" s="19"/>
      <c r="AQO12" s="19"/>
      <c r="AQP12" s="19"/>
      <c r="AQQ12" s="19"/>
      <c r="AQR12" s="19"/>
      <c r="AQS12" s="19"/>
      <c r="AQT12" s="19"/>
      <c r="AQU12" s="19"/>
      <c r="AQV12" s="19"/>
      <c r="AQW12" s="19"/>
      <c r="AQX12" s="19"/>
      <c r="AQY12" s="19"/>
      <c r="AQZ12" s="19"/>
      <c r="ARA12" s="19"/>
      <c r="ARB12" s="19"/>
      <c r="ARC12" s="19"/>
      <c r="ARD12" s="19"/>
      <c r="ARE12" s="19"/>
      <c r="ARF12" s="19"/>
      <c r="ARG12" s="19"/>
      <c r="ARH12" s="19"/>
      <c r="ARI12" s="19"/>
      <c r="ARJ12" s="19"/>
      <c r="ARK12" s="19"/>
      <c r="ARL12" s="19"/>
      <c r="ARM12" s="19"/>
      <c r="ARN12" s="19"/>
      <c r="ARO12" s="19"/>
      <c r="ARP12" s="19"/>
      <c r="ARQ12" s="19"/>
      <c r="ARR12" s="19"/>
      <c r="ARS12" s="19"/>
      <c r="ART12" s="19"/>
      <c r="ARU12" s="19"/>
      <c r="ARV12" s="19"/>
      <c r="ARW12" s="19"/>
      <c r="ARX12" s="19"/>
      <c r="ARY12" s="19"/>
      <c r="ARZ12" s="19"/>
      <c r="ASA12" s="19"/>
      <c r="ASB12" s="19"/>
      <c r="ASC12" s="19"/>
      <c r="ASD12" s="19"/>
      <c r="ASE12" s="19"/>
      <c r="ASF12" s="19"/>
      <c r="ASG12" s="19"/>
      <c r="ASH12" s="19"/>
      <c r="ASI12" s="19"/>
      <c r="ASJ12" s="19"/>
      <c r="ASK12" s="19"/>
      <c r="ASL12" s="19"/>
      <c r="ASM12" s="19"/>
      <c r="ASN12" s="19"/>
      <c r="ASO12" s="19"/>
      <c r="ASP12" s="19"/>
      <c r="ASQ12" s="19"/>
      <c r="ASR12" s="19"/>
      <c r="ASS12" s="19"/>
      <c r="AST12" s="19"/>
      <c r="ASU12" s="19"/>
      <c r="ASV12" s="19"/>
      <c r="ASW12" s="19"/>
      <c r="ASX12" s="19"/>
      <c r="ASY12" s="19"/>
      <c r="ASZ12" s="19"/>
      <c r="ATA12" s="19"/>
      <c r="ATB12" s="19"/>
      <c r="ATC12" s="19"/>
      <c r="ATD12" s="19"/>
      <c r="ATE12" s="19"/>
      <c r="ATF12" s="19"/>
      <c r="ATG12" s="19"/>
      <c r="ATH12" s="19"/>
      <c r="ATI12" s="19"/>
      <c r="ATJ12" s="19"/>
      <c r="ATK12" s="19"/>
      <c r="ATL12" s="19"/>
      <c r="ATM12" s="19"/>
      <c r="ATN12" s="19"/>
      <c r="ATO12" s="19"/>
      <c r="ATP12" s="19"/>
      <c r="ATQ12" s="19"/>
      <c r="ATR12" s="19"/>
      <c r="ATS12" s="19"/>
      <c r="ATT12" s="19"/>
      <c r="ATU12" s="19"/>
      <c r="ATV12" s="19"/>
      <c r="ATW12" s="19"/>
      <c r="ATX12" s="19"/>
      <c r="ATY12" s="19"/>
      <c r="ATZ12" s="19"/>
      <c r="AUA12" s="19"/>
      <c r="AUB12" s="19"/>
      <c r="AUC12" s="19"/>
      <c r="AUD12" s="19"/>
      <c r="AUE12" s="19"/>
      <c r="AUF12" s="19"/>
      <c r="AUG12" s="19"/>
      <c r="AUH12" s="19"/>
      <c r="AUI12" s="19"/>
      <c r="AUJ12" s="19"/>
      <c r="AUK12" s="19"/>
      <c r="AUL12" s="19"/>
      <c r="AUM12" s="19"/>
      <c r="AUN12" s="19"/>
      <c r="AUO12" s="19"/>
      <c r="AUP12" s="19"/>
      <c r="AUQ12" s="19"/>
      <c r="AUR12" s="19"/>
      <c r="AUS12" s="19"/>
      <c r="AUT12" s="19"/>
      <c r="AUU12" s="19"/>
      <c r="AUV12" s="19"/>
      <c r="AUW12" s="19"/>
      <c r="AUX12" s="19"/>
      <c r="AUY12" s="19"/>
      <c r="AUZ12" s="19"/>
      <c r="AVA12" s="19"/>
      <c r="AVB12" s="19"/>
      <c r="AVC12" s="19"/>
      <c r="AVD12" s="19"/>
      <c r="AVE12" s="19"/>
      <c r="AVF12" s="19"/>
      <c r="AVG12" s="19"/>
      <c r="AVH12" s="19"/>
      <c r="AVI12" s="19"/>
      <c r="AVJ12" s="19"/>
      <c r="AVK12" s="19"/>
      <c r="AVL12" s="19"/>
      <c r="AVM12" s="19"/>
      <c r="AVN12" s="19"/>
      <c r="AVO12" s="19"/>
      <c r="AVP12" s="19"/>
      <c r="AVQ12" s="19"/>
      <c r="AVR12" s="19"/>
      <c r="AVS12" s="19"/>
      <c r="AVT12" s="19"/>
      <c r="AVU12" s="19"/>
      <c r="AVV12" s="19"/>
      <c r="AVW12" s="19"/>
      <c r="AVX12" s="19"/>
      <c r="AVY12" s="19"/>
      <c r="AVZ12" s="19"/>
      <c r="AWA12" s="19"/>
      <c r="AWB12" s="19"/>
      <c r="AWC12" s="19"/>
      <c r="AWD12" s="19"/>
      <c r="AWE12" s="19"/>
      <c r="AWF12" s="19"/>
      <c r="AWG12" s="19"/>
      <c r="AWH12" s="19"/>
      <c r="AWI12" s="19"/>
      <c r="AWJ12" s="19"/>
      <c r="AWK12" s="19"/>
      <c r="AWL12" s="19"/>
      <c r="AWM12" s="19"/>
      <c r="AWN12" s="19"/>
      <c r="AWO12" s="19"/>
      <c r="AWP12" s="19"/>
      <c r="AWQ12" s="19"/>
      <c r="AWR12" s="19"/>
      <c r="AWS12" s="19"/>
      <c r="AWT12" s="19"/>
      <c r="AWU12" s="19"/>
      <c r="AWV12" s="19"/>
      <c r="AWW12" s="19"/>
      <c r="AWX12" s="19"/>
      <c r="AWY12" s="19"/>
      <c r="AWZ12" s="19"/>
      <c r="AXA12" s="19"/>
      <c r="AXB12" s="19"/>
      <c r="AXC12" s="19"/>
      <c r="AXD12" s="19"/>
      <c r="AXE12" s="19"/>
      <c r="AXF12" s="19"/>
      <c r="AXG12" s="19"/>
      <c r="AXH12" s="19"/>
      <c r="AXI12" s="19"/>
      <c r="AXJ12" s="19"/>
      <c r="AXK12" s="19"/>
      <c r="AXL12" s="19"/>
      <c r="AXM12" s="19"/>
      <c r="AXN12" s="19"/>
      <c r="AXO12" s="19"/>
      <c r="AXP12" s="19"/>
      <c r="AXQ12" s="19"/>
      <c r="AXR12" s="19"/>
      <c r="AXS12" s="19"/>
      <c r="AXT12" s="19"/>
      <c r="AXU12" s="19"/>
      <c r="AXV12" s="19"/>
      <c r="AXW12" s="19"/>
      <c r="AXX12" s="19"/>
      <c r="AXY12" s="19"/>
      <c r="AXZ12" s="19"/>
      <c r="AYA12" s="19"/>
      <c r="AYB12" s="19"/>
      <c r="AYC12" s="19"/>
      <c r="AYD12" s="19"/>
      <c r="AYE12" s="19"/>
      <c r="AYF12" s="19"/>
      <c r="AYG12" s="19"/>
      <c r="AYH12" s="19"/>
      <c r="AYI12" s="19"/>
      <c r="AYJ12" s="19"/>
      <c r="AYK12" s="19"/>
      <c r="AYL12" s="19"/>
      <c r="AYM12" s="19"/>
      <c r="AYN12" s="19"/>
      <c r="AYO12" s="19"/>
      <c r="AYP12" s="19"/>
      <c r="AYQ12" s="19"/>
      <c r="AYR12" s="19"/>
      <c r="AYS12" s="19"/>
      <c r="AYT12" s="19"/>
      <c r="AYU12" s="19"/>
      <c r="AYV12" s="19"/>
      <c r="AYW12" s="19"/>
      <c r="AYX12" s="19"/>
      <c r="AYY12" s="19"/>
      <c r="AYZ12" s="19"/>
      <c r="AZA12" s="19"/>
      <c r="AZB12" s="19"/>
      <c r="AZC12" s="19"/>
      <c r="AZD12" s="19"/>
      <c r="AZE12" s="19"/>
      <c r="AZF12" s="19"/>
      <c r="AZG12" s="19"/>
      <c r="AZH12" s="19"/>
      <c r="AZI12" s="19"/>
      <c r="AZJ12" s="19"/>
      <c r="AZK12" s="19"/>
      <c r="AZL12" s="19"/>
      <c r="AZM12" s="19"/>
      <c r="AZN12" s="19"/>
      <c r="AZO12" s="19"/>
      <c r="AZP12" s="19"/>
      <c r="AZQ12" s="19"/>
      <c r="AZR12" s="19"/>
      <c r="AZS12" s="19"/>
      <c r="AZT12" s="19"/>
      <c r="AZU12" s="19"/>
      <c r="AZV12" s="19"/>
      <c r="AZW12" s="19"/>
      <c r="AZX12" s="19"/>
      <c r="AZY12" s="19"/>
      <c r="AZZ12" s="19"/>
      <c r="BAA12" s="19"/>
      <c r="BAB12" s="19"/>
      <c r="BAC12" s="19"/>
      <c r="BAD12" s="19"/>
      <c r="BAE12" s="19"/>
      <c r="BAF12" s="19"/>
      <c r="BAG12" s="19"/>
      <c r="BAH12" s="19"/>
      <c r="BAI12" s="19"/>
      <c r="BAJ12" s="19"/>
      <c r="BAK12" s="19"/>
      <c r="BAL12" s="19"/>
      <c r="BAM12" s="19"/>
      <c r="BAN12" s="19"/>
      <c r="BAO12" s="19"/>
      <c r="BAP12" s="19"/>
      <c r="BAQ12" s="19"/>
      <c r="BAR12" s="19"/>
      <c r="BAS12" s="19"/>
      <c r="BAT12" s="19"/>
      <c r="BAU12" s="19"/>
      <c r="BAV12" s="19"/>
      <c r="BAW12" s="19"/>
      <c r="BAX12" s="19"/>
      <c r="BAY12" s="19"/>
      <c r="BAZ12" s="19"/>
      <c r="BBA12" s="19"/>
      <c r="BBB12" s="19"/>
      <c r="BBC12" s="19"/>
      <c r="BBD12" s="19"/>
      <c r="BBE12" s="19"/>
      <c r="BBF12" s="19"/>
      <c r="BBG12" s="19"/>
      <c r="BBH12" s="19"/>
      <c r="BBI12" s="19"/>
      <c r="BBJ12" s="19"/>
      <c r="BBK12" s="19"/>
      <c r="BBL12" s="19"/>
      <c r="BBM12" s="19"/>
      <c r="BBN12" s="19"/>
    </row>
    <row r="13" spans="1:1418" s="22" customFormat="1" ht="15" customHeight="1" x14ac:dyDescent="0.2">
      <c r="A13" s="179" t="s">
        <v>20</v>
      </c>
      <c r="B13" s="179"/>
      <c r="C13" s="179"/>
      <c r="D13" s="179"/>
      <c r="E13" s="179"/>
      <c r="F13" s="179"/>
      <c r="G13" s="179"/>
      <c r="H13" s="179"/>
      <c r="I13" s="179"/>
      <c r="J13" s="179"/>
    </row>
    <row r="14" spans="1:1418" s="19" customFormat="1" ht="12.75" customHeight="1" x14ac:dyDescent="0.2">
      <c r="A14" s="179"/>
      <c r="B14" s="179"/>
      <c r="C14" s="179"/>
      <c r="D14" s="179"/>
      <c r="E14" s="179"/>
      <c r="F14" s="179"/>
      <c r="G14" s="179"/>
      <c r="H14" s="179"/>
      <c r="I14" s="179"/>
      <c r="J14" s="179"/>
    </row>
    <row r="15" spans="1:1418" s="19" customFormat="1" ht="12.75" customHeight="1" x14ac:dyDescent="0.2">
      <c r="A15" s="23"/>
      <c r="B15" s="24"/>
      <c r="C15" s="24"/>
      <c r="D15" s="24"/>
      <c r="E15" s="24"/>
      <c r="F15" s="24"/>
      <c r="G15" s="24"/>
      <c r="H15" s="24"/>
      <c r="I15" s="24"/>
      <c r="J15" s="24"/>
    </row>
    <row r="16" spans="1:1418" s="20" customFormat="1" ht="15.75" customHeight="1" thickBot="1" x14ac:dyDescent="0.25">
      <c r="A16" s="25" t="s">
        <v>15</v>
      </c>
      <c r="B16" s="19"/>
      <c r="C16" s="19"/>
      <c r="D16" s="19"/>
      <c r="E16" s="19"/>
      <c r="F16" s="19"/>
      <c r="G16" s="19"/>
      <c r="H16" s="19"/>
      <c r="I16" s="175" t="s">
        <v>7</v>
      </c>
      <c r="J16" s="175"/>
      <c r="K16" s="19"/>
      <c r="L16" s="19"/>
      <c r="M16" s="19"/>
      <c r="N16" s="19"/>
      <c r="O16" s="19"/>
      <c r="P16" s="19"/>
      <c r="Q16" s="19"/>
      <c r="R16" s="19"/>
      <c r="S16" s="19"/>
      <c r="T16" s="19"/>
      <c r="U16" s="19"/>
      <c r="V16" s="19"/>
      <c r="W16" s="19"/>
      <c r="X16" s="19"/>
      <c r="Y16" s="19"/>
      <c r="Z16" s="19"/>
      <c r="AA16" s="19"/>
      <c r="AB16" s="19"/>
      <c r="AC16" s="19"/>
      <c r="AD16" s="19"/>
      <c r="AE16" s="19"/>
      <c r="AF16" s="19"/>
      <c r="AG16" s="19"/>
      <c r="AH16" s="19"/>
      <c r="AI16" s="19"/>
      <c r="AJ16" s="19"/>
      <c r="AK16" s="19"/>
      <c r="AL16" s="19"/>
      <c r="AM16" s="19"/>
      <c r="AN16" s="19"/>
      <c r="AO16" s="19"/>
      <c r="AP16" s="19"/>
      <c r="AQ16" s="19"/>
      <c r="AR16" s="19"/>
      <c r="AS16" s="19"/>
      <c r="AT16" s="19"/>
      <c r="AU16" s="19"/>
      <c r="AV16" s="19"/>
      <c r="AW16" s="19"/>
      <c r="AX16" s="19"/>
      <c r="AY16" s="19"/>
      <c r="AZ16" s="19"/>
      <c r="BA16" s="19"/>
      <c r="BB16" s="19"/>
      <c r="BC16" s="19"/>
      <c r="BD16" s="19"/>
      <c r="BE16" s="19"/>
      <c r="BF16" s="19"/>
      <c r="BG16" s="19"/>
      <c r="BH16" s="19"/>
      <c r="BI16" s="19"/>
      <c r="BJ16" s="19"/>
      <c r="BK16" s="19"/>
      <c r="BL16" s="19"/>
      <c r="BM16" s="19"/>
      <c r="BN16" s="19"/>
      <c r="BO16" s="19"/>
      <c r="BP16" s="19"/>
      <c r="BQ16" s="19"/>
      <c r="BR16" s="19"/>
      <c r="BS16" s="19"/>
      <c r="BT16" s="19"/>
      <c r="BU16" s="19"/>
      <c r="BV16" s="19"/>
      <c r="BW16" s="19"/>
      <c r="BX16" s="19"/>
      <c r="BY16" s="19"/>
      <c r="BZ16" s="19"/>
      <c r="CA16" s="19"/>
      <c r="CB16" s="19"/>
      <c r="CC16" s="19"/>
      <c r="CD16" s="19"/>
      <c r="CE16" s="19"/>
      <c r="CF16" s="19"/>
      <c r="CG16" s="19"/>
      <c r="CH16" s="19"/>
      <c r="CI16" s="19"/>
      <c r="CJ16" s="19"/>
      <c r="CK16" s="19"/>
      <c r="CL16" s="19"/>
      <c r="CM16" s="19"/>
      <c r="CN16" s="19"/>
      <c r="CO16" s="19"/>
      <c r="CP16" s="19"/>
      <c r="CQ16" s="19"/>
      <c r="CR16" s="19"/>
      <c r="CS16" s="19"/>
      <c r="CT16" s="19"/>
      <c r="CU16" s="19"/>
      <c r="CV16" s="19"/>
      <c r="CW16" s="19"/>
      <c r="CX16" s="19"/>
      <c r="CY16" s="19"/>
      <c r="CZ16" s="19"/>
      <c r="DA16" s="19"/>
      <c r="DB16" s="19"/>
      <c r="DC16" s="19"/>
      <c r="DD16" s="19"/>
      <c r="DE16" s="19"/>
      <c r="DF16" s="19"/>
      <c r="DG16" s="19"/>
      <c r="DH16" s="19"/>
      <c r="DI16" s="19"/>
      <c r="DJ16" s="19"/>
      <c r="DK16" s="19"/>
      <c r="DL16" s="19"/>
      <c r="DM16" s="19"/>
      <c r="DN16" s="19"/>
      <c r="DO16" s="19"/>
      <c r="DP16" s="19"/>
      <c r="DQ16" s="19"/>
      <c r="DR16" s="19"/>
      <c r="DS16" s="19"/>
      <c r="DT16" s="19"/>
      <c r="DU16" s="19"/>
      <c r="DV16" s="19"/>
      <c r="DW16" s="19"/>
      <c r="DX16" s="19"/>
      <c r="DY16" s="19"/>
      <c r="DZ16" s="19"/>
      <c r="EA16" s="19"/>
      <c r="EB16" s="19"/>
      <c r="EC16" s="19"/>
      <c r="ED16" s="19"/>
      <c r="EE16" s="19"/>
      <c r="EF16" s="19"/>
      <c r="EG16" s="19"/>
      <c r="EH16" s="19"/>
      <c r="EI16" s="19"/>
      <c r="EJ16" s="19"/>
      <c r="EK16" s="19"/>
      <c r="EL16" s="19"/>
      <c r="EM16" s="19"/>
      <c r="EN16" s="19"/>
      <c r="EO16" s="19"/>
      <c r="EP16" s="19"/>
      <c r="EQ16" s="19"/>
      <c r="ER16" s="19"/>
      <c r="ES16" s="19"/>
      <c r="ET16" s="19"/>
      <c r="EU16" s="19"/>
      <c r="EV16" s="19"/>
      <c r="EW16" s="19"/>
      <c r="EX16" s="19"/>
      <c r="EY16" s="19"/>
      <c r="EZ16" s="19"/>
      <c r="FA16" s="19"/>
      <c r="FB16" s="19"/>
      <c r="FC16" s="19"/>
      <c r="FD16" s="19"/>
      <c r="FE16" s="19"/>
      <c r="FF16" s="19"/>
      <c r="FG16" s="19"/>
      <c r="FH16" s="19"/>
      <c r="FI16" s="19"/>
      <c r="FJ16" s="19"/>
      <c r="FK16" s="19"/>
      <c r="FL16" s="19"/>
      <c r="FM16" s="19"/>
      <c r="FN16" s="19"/>
      <c r="FO16" s="19"/>
      <c r="FP16" s="19"/>
      <c r="FQ16" s="19"/>
      <c r="FR16" s="19"/>
      <c r="FS16" s="19"/>
      <c r="FT16" s="19"/>
      <c r="FU16" s="19"/>
      <c r="FV16" s="19"/>
      <c r="FW16" s="19"/>
      <c r="FX16" s="19"/>
      <c r="FY16" s="19"/>
      <c r="FZ16" s="19"/>
      <c r="GA16" s="19"/>
      <c r="GB16" s="19"/>
      <c r="GC16" s="19"/>
      <c r="GD16" s="19"/>
      <c r="GE16" s="19"/>
      <c r="GF16" s="19"/>
      <c r="GG16" s="19"/>
      <c r="GH16" s="19"/>
      <c r="GI16" s="19"/>
      <c r="GJ16" s="19"/>
      <c r="GK16" s="19"/>
      <c r="GL16" s="19"/>
      <c r="GM16" s="19"/>
      <c r="GN16" s="19"/>
      <c r="GO16" s="19"/>
      <c r="GP16" s="19"/>
      <c r="GQ16" s="19"/>
      <c r="GR16" s="19"/>
      <c r="GS16" s="19"/>
      <c r="GT16" s="19"/>
      <c r="GU16" s="19"/>
      <c r="GV16" s="19"/>
      <c r="GW16" s="19"/>
      <c r="GX16" s="19"/>
      <c r="GY16" s="19"/>
      <c r="GZ16" s="19"/>
      <c r="HA16" s="19"/>
      <c r="HB16" s="19"/>
      <c r="HC16" s="19"/>
      <c r="HD16" s="19"/>
      <c r="HE16" s="19"/>
      <c r="HF16" s="19"/>
      <c r="HG16" s="19"/>
      <c r="HH16" s="19"/>
      <c r="HI16" s="19"/>
      <c r="HJ16" s="19"/>
      <c r="HK16" s="19"/>
      <c r="HL16" s="19"/>
      <c r="HM16" s="19"/>
      <c r="HN16" s="19"/>
      <c r="HO16" s="19"/>
      <c r="HP16" s="19"/>
      <c r="HQ16" s="19"/>
      <c r="HR16" s="19"/>
      <c r="HS16" s="19"/>
      <c r="HT16" s="19"/>
      <c r="HU16" s="19"/>
      <c r="HV16" s="19"/>
      <c r="HW16" s="19"/>
      <c r="HX16" s="19"/>
      <c r="HY16" s="19"/>
      <c r="HZ16" s="19"/>
      <c r="IA16" s="19"/>
      <c r="IB16" s="19"/>
      <c r="IC16" s="19"/>
      <c r="ID16" s="19"/>
      <c r="IE16" s="19"/>
      <c r="IF16" s="19"/>
      <c r="IG16" s="19"/>
      <c r="IH16" s="19"/>
      <c r="II16" s="19"/>
      <c r="IJ16" s="19"/>
      <c r="IK16" s="19"/>
      <c r="IL16" s="19"/>
      <c r="IM16" s="19"/>
      <c r="IN16" s="19"/>
      <c r="IO16" s="19"/>
      <c r="IP16" s="19"/>
      <c r="IQ16" s="19"/>
      <c r="IR16" s="19"/>
      <c r="IS16" s="19"/>
      <c r="IT16" s="19"/>
      <c r="IU16" s="19"/>
      <c r="IV16" s="19"/>
      <c r="IW16" s="19"/>
      <c r="IX16" s="19"/>
      <c r="IY16" s="19"/>
      <c r="IZ16" s="19"/>
      <c r="JA16" s="19"/>
      <c r="JB16" s="19"/>
      <c r="JC16" s="19"/>
      <c r="JD16" s="19"/>
      <c r="JE16" s="19"/>
      <c r="JF16" s="19"/>
      <c r="JG16" s="19"/>
      <c r="JH16" s="19"/>
      <c r="JI16" s="19"/>
      <c r="JJ16" s="19"/>
      <c r="JK16" s="19"/>
      <c r="JL16" s="19"/>
      <c r="JM16" s="19"/>
      <c r="JN16" s="19"/>
      <c r="JO16" s="19"/>
      <c r="JP16" s="19"/>
      <c r="JQ16" s="19"/>
      <c r="JR16" s="19"/>
      <c r="JS16" s="19"/>
      <c r="JT16" s="19"/>
      <c r="JU16" s="19"/>
      <c r="JV16" s="19"/>
      <c r="JW16" s="19"/>
      <c r="JX16" s="19"/>
      <c r="JY16" s="19"/>
      <c r="JZ16" s="19"/>
      <c r="KA16" s="19"/>
      <c r="KB16" s="19"/>
      <c r="KC16" s="19"/>
      <c r="KD16" s="19"/>
      <c r="KE16" s="19"/>
      <c r="KF16" s="19"/>
      <c r="KG16" s="19"/>
      <c r="KH16" s="19"/>
      <c r="KI16" s="19"/>
      <c r="KJ16" s="19"/>
      <c r="KK16" s="19"/>
      <c r="KL16" s="19"/>
      <c r="KM16" s="19"/>
      <c r="KN16" s="19"/>
      <c r="KO16" s="19"/>
      <c r="KP16" s="19"/>
      <c r="KQ16" s="19"/>
      <c r="KR16" s="19"/>
      <c r="KS16" s="19"/>
      <c r="KT16" s="19"/>
      <c r="KU16" s="19"/>
      <c r="KV16" s="19"/>
      <c r="KW16" s="19"/>
      <c r="KX16" s="19"/>
      <c r="KY16" s="19"/>
      <c r="KZ16" s="19"/>
      <c r="LA16" s="19"/>
      <c r="LB16" s="19"/>
      <c r="LC16" s="19"/>
      <c r="LD16" s="19"/>
      <c r="LE16" s="19"/>
      <c r="LF16" s="19"/>
      <c r="LG16" s="19"/>
      <c r="LH16" s="19"/>
      <c r="LI16" s="19"/>
      <c r="LJ16" s="19"/>
      <c r="LK16" s="19"/>
      <c r="LL16" s="19"/>
      <c r="LM16" s="19"/>
      <c r="LN16" s="19"/>
      <c r="LO16" s="19"/>
      <c r="LP16" s="19"/>
      <c r="LQ16" s="19"/>
      <c r="LR16" s="19"/>
      <c r="LS16" s="19"/>
      <c r="LT16" s="19"/>
      <c r="LU16" s="19"/>
      <c r="LV16" s="19"/>
      <c r="LW16" s="19"/>
      <c r="LX16" s="19"/>
      <c r="LY16" s="19"/>
      <c r="LZ16" s="19"/>
      <c r="MA16" s="19"/>
      <c r="MB16" s="19"/>
      <c r="MC16" s="19"/>
      <c r="MD16" s="19"/>
      <c r="ME16" s="19"/>
      <c r="MF16" s="19"/>
      <c r="MG16" s="19"/>
      <c r="MH16" s="19"/>
      <c r="MI16" s="19"/>
      <c r="MJ16" s="19"/>
      <c r="MK16" s="19"/>
      <c r="ML16" s="19"/>
      <c r="MM16" s="19"/>
      <c r="MN16" s="19"/>
      <c r="MO16" s="19"/>
      <c r="MP16" s="19"/>
      <c r="MQ16" s="19"/>
      <c r="MR16" s="19"/>
      <c r="MS16" s="19"/>
      <c r="MT16" s="19"/>
      <c r="MU16" s="19"/>
      <c r="MV16" s="19"/>
      <c r="MW16" s="19"/>
      <c r="MX16" s="19"/>
      <c r="MY16" s="19"/>
      <c r="MZ16" s="19"/>
      <c r="NA16" s="19"/>
      <c r="NB16" s="19"/>
      <c r="NC16" s="19"/>
      <c r="ND16" s="19"/>
      <c r="NE16" s="19"/>
      <c r="NF16" s="19"/>
      <c r="NG16" s="19"/>
      <c r="NH16" s="19"/>
      <c r="NI16" s="19"/>
      <c r="NJ16" s="19"/>
      <c r="NK16" s="19"/>
      <c r="NL16" s="19"/>
      <c r="NM16" s="19"/>
      <c r="NN16" s="19"/>
      <c r="NO16" s="19"/>
      <c r="NP16" s="19"/>
      <c r="NQ16" s="19"/>
      <c r="NR16" s="19"/>
      <c r="NS16" s="19"/>
      <c r="NT16" s="19"/>
      <c r="NU16" s="19"/>
      <c r="NV16" s="19"/>
      <c r="NW16" s="19"/>
      <c r="NX16" s="19"/>
      <c r="NY16" s="19"/>
      <c r="NZ16" s="19"/>
      <c r="OA16" s="19"/>
      <c r="OB16" s="19"/>
      <c r="OC16" s="19"/>
      <c r="OD16" s="19"/>
      <c r="OE16" s="19"/>
      <c r="OF16" s="19"/>
      <c r="OG16" s="19"/>
      <c r="OH16" s="19"/>
      <c r="OI16" s="19"/>
      <c r="OJ16" s="19"/>
      <c r="OK16" s="19"/>
      <c r="OL16" s="19"/>
      <c r="OM16" s="19"/>
      <c r="ON16" s="19"/>
      <c r="OO16" s="19"/>
      <c r="OP16" s="19"/>
      <c r="OQ16" s="19"/>
      <c r="OR16" s="19"/>
      <c r="OS16" s="19"/>
      <c r="OT16" s="19"/>
      <c r="OU16" s="19"/>
      <c r="OV16" s="19"/>
      <c r="OW16" s="19"/>
      <c r="OX16" s="19"/>
      <c r="OY16" s="19"/>
      <c r="OZ16" s="19"/>
      <c r="PA16" s="19"/>
      <c r="PB16" s="19"/>
      <c r="PC16" s="19"/>
      <c r="PD16" s="19"/>
      <c r="PE16" s="19"/>
      <c r="PF16" s="19"/>
      <c r="PG16" s="19"/>
      <c r="PH16" s="19"/>
      <c r="PI16" s="19"/>
      <c r="PJ16" s="19"/>
      <c r="PK16" s="19"/>
      <c r="PL16" s="19"/>
      <c r="PM16" s="19"/>
      <c r="PN16" s="19"/>
      <c r="PO16" s="19"/>
      <c r="PP16" s="19"/>
      <c r="PQ16" s="19"/>
      <c r="PR16" s="19"/>
      <c r="PS16" s="19"/>
      <c r="PT16" s="19"/>
      <c r="PU16" s="19"/>
      <c r="PV16" s="19"/>
      <c r="PW16" s="19"/>
      <c r="PX16" s="19"/>
      <c r="PY16" s="19"/>
      <c r="PZ16" s="19"/>
      <c r="QA16" s="19"/>
      <c r="QB16" s="19"/>
      <c r="QC16" s="19"/>
      <c r="QD16" s="19"/>
      <c r="QE16" s="19"/>
      <c r="QF16" s="19"/>
      <c r="QG16" s="19"/>
      <c r="QH16" s="19"/>
      <c r="QI16" s="19"/>
      <c r="QJ16" s="19"/>
      <c r="QK16" s="19"/>
      <c r="QL16" s="19"/>
      <c r="QM16" s="19"/>
      <c r="QN16" s="19"/>
      <c r="QO16" s="19"/>
      <c r="QP16" s="19"/>
      <c r="QQ16" s="19"/>
      <c r="QR16" s="19"/>
      <c r="QS16" s="19"/>
      <c r="QT16" s="19"/>
      <c r="QU16" s="19"/>
      <c r="QV16" s="19"/>
      <c r="QW16" s="19"/>
      <c r="QX16" s="19"/>
      <c r="QY16" s="19"/>
      <c r="QZ16" s="19"/>
      <c r="RA16" s="19"/>
      <c r="RB16" s="19"/>
      <c r="RC16" s="19"/>
      <c r="RD16" s="19"/>
      <c r="RE16" s="19"/>
      <c r="RF16" s="19"/>
      <c r="RG16" s="19"/>
      <c r="RH16" s="19"/>
      <c r="RI16" s="19"/>
      <c r="RJ16" s="19"/>
      <c r="RK16" s="19"/>
      <c r="RL16" s="19"/>
      <c r="RM16" s="19"/>
      <c r="RN16" s="19"/>
      <c r="RO16" s="19"/>
      <c r="RP16" s="19"/>
      <c r="RQ16" s="19"/>
      <c r="RR16" s="19"/>
      <c r="RS16" s="19"/>
      <c r="RT16" s="19"/>
      <c r="RU16" s="19"/>
      <c r="RV16" s="19"/>
      <c r="RW16" s="19"/>
      <c r="RX16" s="19"/>
      <c r="RY16" s="19"/>
      <c r="RZ16" s="19"/>
      <c r="SA16" s="19"/>
      <c r="SB16" s="19"/>
      <c r="SC16" s="19"/>
      <c r="SD16" s="19"/>
      <c r="SE16" s="19"/>
      <c r="SF16" s="19"/>
      <c r="SG16" s="19"/>
      <c r="SH16" s="19"/>
      <c r="SI16" s="19"/>
      <c r="SJ16" s="19"/>
      <c r="SK16" s="19"/>
      <c r="SL16" s="19"/>
      <c r="SM16" s="19"/>
      <c r="SN16" s="19"/>
      <c r="SO16" s="19"/>
      <c r="SP16" s="19"/>
      <c r="SQ16" s="19"/>
      <c r="SR16" s="19"/>
      <c r="SS16" s="19"/>
      <c r="ST16" s="19"/>
      <c r="SU16" s="19"/>
      <c r="SV16" s="19"/>
      <c r="SW16" s="19"/>
      <c r="SX16" s="19"/>
      <c r="SY16" s="19"/>
      <c r="SZ16" s="19"/>
      <c r="TA16" s="19"/>
      <c r="TB16" s="19"/>
      <c r="TC16" s="19"/>
      <c r="TD16" s="19"/>
      <c r="TE16" s="19"/>
      <c r="TF16" s="19"/>
      <c r="TG16" s="19"/>
      <c r="TH16" s="19"/>
      <c r="TI16" s="19"/>
      <c r="TJ16" s="19"/>
      <c r="TK16" s="19"/>
      <c r="TL16" s="19"/>
      <c r="TM16" s="19"/>
      <c r="TN16" s="19"/>
      <c r="TO16" s="19"/>
      <c r="TP16" s="19"/>
      <c r="TQ16" s="19"/>
      <c r="TR16" s="19"/>
      <c r="TS16" s="19"/>
      <c r="TT16" s="19"/>
      <c r="TU16" s="19"/>
      <c r="TV16" s="19"/>
      <c r="TW16" s="19"/>
      <c r="TX16" s="19"/>
      <c r="TY16" s="19"/>
      <c r="TZ16" s="19"/>
      <c r="UA16" s="19"/>
      <c r="UB16" s="19"/>
      <c r="UC16" s="19"/>
      <c r="UD16" s="19"/>
      <c r="UE16" s="19"/>
      <c r="UF16" s="19"/>
      <c r="UG16" s="19"/>
      <c r="UH16" s="19"/>
      <c r="UI16" s="19"/>
      <c r="UJ16" s="19"/>
      <c r="UK16" s="19"/>
      <c r="UL16" s="19"/>
      <c r="UM16" s="19"/>
      <c r="UN16" s="19"/>
      <c r="UO16" s="19"/>
      <c r="UP16" s="19"/>
      <c r="UQ16" s="19"/>
      <c r="UR16" s="19"/>
      <c r="US16" s="19"/>
      <c r="UT16" s="19"/>
      <c r="UU16" s="19"/>
      <c r="UV16" s="19"/>
      <c r="UW16" s="19"/>
      <c r="UX16" s="19"/>
      <c r="UY16" s="19"/>
      <c r="UZ16" s="19"/>
      <c r="VA16" s="19"/>
      <c r="VB16" s="19"/>
      <c r="VC16" s="19"/>
      <c r="VD16" s="19"/>
      <c r="VE16" s="19"/>
      <c r="VF16" s="19"/>
      <c r="VG16" s="19"/>
      <c r="VH16" s="19"/>
      <c r="VI16" s="19"/>
      <c r="VJ16" s="19"/>
      <c r="VK16" s="19"/>
      <c r="VL16" s="19"/>
      <c r="VM16" s="19"/>
      <c r="VN16" s="19"/>
      <c r="VO16" s="19"/>
      <c r="VP16" s="19"/>
      <c r="VQ16" s="19"/>
      <c r="VR16" s="19"/>
      <c r="VS16" s="19"/>
      <c r="VT16" s="19"/>
      <c r="VU16" s="19"/>
      <c r="VV16" s="19"/>
      <c r="VW16" s="19"/>
      <c r="VX16" s="19"/>
      <c r="VY16" s="19"/>
      <c r="VZ16" s="19"/>
      <c r="WA16" s="19"/>
      <c r="WB16" s="19"/>
      <c r="WC16" s="19"/>
      <c r="WD16" s="19"/>
      <c r="WE16" s="19"/>
      <c r="WF16" s="19"/>
      <c r="WG16" s="19"/>
      <c r="WH16" s="19"/>
      <c r="WI16" s="19"/>
      <c r="WJ16" s="19"/>
      <c r="WK16" s="19"/>
      <c r="WL16" s="19"/>
      <c r="WM16" s="19"/>
      <c r="WN16" s="19"/>
      <c r="WO16" s="19"/>
      <c r="WP16" s="19"/>
      <c r="WQ16" s="19"/>
      <c r="WR16" s="19"/>
      <c r="WS16" s="19"/>
      <c r="WT16" s="19"/>
      <c r="WU16" s="19"/>
      <c r="WV16" s="19"/>
      <c r="WW16" s="19"/>
      <c r="WX16" s="19"/>
      <c r="WY16" s="19"/>
      <c r="WZ16" s="19"/>
      <c r="XA16" s="19"/>
      <c r="XB16" s="19"/>
      <c r="XC16" s="19"/>
      <c r="XD16" s="19"/>
      <c r="XE16" s="19"/>
      <c r="XF16" s="19"/>
      <c r="XG16" s="19"/>
      <c r="XH16" s="19"/>
      <c r="XI16" s="19"/>
      <c r="XJ16" s="19"/>
      <c r="XK16" s="19"/>
      <c r="XL16" s="19"/>
      <c r="XM16" s="19"/>
      <c r="XN16" s="19"/>
      <c r="XO16" s="19"/>
      <c r="XP16" s="19"/>
      <c r="XQ16" s="19"/>
      <c r="XR16" s="19"/>
      <c r="XS16" s="19"/>
      <c r="XT16" s="19"/>
      <c r="XU16" s="19"/>
      <c r="XV16" s="19"/>
      <c r="XW16" s="19"/>
      <c r="XX16" s="19"/>
      <c r="XY16" s="19"/>
      <c r="XZ16" s="19"/>
      <c r="YA16" s="19"/>
      <c r="YB16" s="19"/>
      <c r="YC16" s="19"/>
      <c r="YD16" s="19"/>
      <c r="YE16" s="19"/>
      <c r="YF16" s="19"/>
      <c r="YG16" s="19"/>
      <c r="YH16" s="19"/>
      <c r="YI16" s="19"/>
      <c r="YJ16" s="19"/>
      <c r="YK16" s="19"/>
      <c r="YL16" s="19"/>
      <c r="YM16" s="19"/>
      <c r="YN16" s="19"/>
      <c r="YO16" s="19"/>
      <c r="YP16" s="19"/>
      <c r="YQ16" s="19"/>
      <c r="YR16" s="19"/>
      <c r="YS16" s="19"/>
      <c r="YT16" s="19"/>
      <c r="YU16" s="19"/>
      <c r="YV16" s="19"/>
      <c r="YW16" s="19"/>
      <c r="YX16" s="19"/>
      <c r="YY16" s="19"/>
      <c r="YZ16" s="19"/>
      <c r="ZA16" s="19"/>
      <c r="ZB16" s="19"/>
      <c r="ZC16" s="19"/>
      <c r="ZD16" s="19"/>
      <c r="ZE16" s="19"/>
      <c r="ZF16" s="19"/>
      <c r="ZG16" s="19"/>
      <c r="ZH16" s="19"/>
      <c r="ZI16" s="19"/>
      <c r="ZJ16" s="19"/>
      <c r="ZK16" s="19"/>
      <c r="ZL16" s="19"/>
      <c r="ZM16" s="19"/>
      <c r="ZN16" s="19"/>
      <c r="ZO16" s="19"/>
      <c r="ZP16" s="19"/>
      <c r="ZQ16" s="19"/>
      <c r="ZR16" s="19"/>
      <c r="ZS16" s="19"/>
      <c r="ZT16" s="19"/>
      <c r="ZU16" s="19"/>
      <c r="ZV16" s="19"/>
      <c r="ZW16" s="19"/>
      <c r="ZX16" s="19"/>
      <c r="ZY16" s="19"/>
      <c r="ZZ16" s="19"/>
      <c r="AAA16" s="19"/>
      <c r="AAB16" s="19"/>
      <c r="AAC16" s="19"/>
      <c r="AAD16" s="19"/>
      <c r="AAE16" s="19"/>
      <c r="AAF16" s="19"/>
      <c r="AAG16" s="19"/>
      <c r="AAH16" s="19"/>
      <c r="AAI16" s="19"/>
      <c r="AAJ16" s="19"/>
      <c r="AAK16" s="19"/>
      <c r="AAL16" s="19"/>
      <c r="AAM16" s="19"/>
      <c r="AAN16" s="19"/>
      <c r="AAO16" s="19"/>
      <c r="AAP16" s="19"/>
      <c r="AAQ16" s="19"/>
      <c r="AAR16" s="19"/>
      <c r="AAS16" s="19"/>
      <c r="AAT16" s="19"/>
      <c r="AAU16" s="19"/>
      <c r="AAV16" s="19"/>
      <c r="AAW16" s="19"/>
      <c r="AAX16" s="19"/>
      <c r="AAY16" s="19"/>
      <c r="AAZ16" s="19"/>
      <c r="ABA16" s="19"/>
      <c r="ABB16" s="19"/>
      <c r="ABC16" s="19"/>
      <c r="ABD16" s="19"/>
      <c r="ABE16" s="19"/>
      <c r="ABF16" s="19"/>
      <c r="ABG16" s="19"/>
      <c r="ABH16" s="19"/>
      <c r="ABI16" s="19"/>
      <c r="ABJ16" s="19"/>
      <c r="ABK16" s="19"/>
      <c r="ABL16" s="19"/>
      <c r="ABM16" s="19"/>
      <c r="ABN16" s="19"/>
      <c r="ABO16" s="19"/>
      <c r="ABP16" s="19"/>
      <c r="ABQ16" s="19"/>
      <c r="ABR16" s="19"/>
      <c r="ABS16" s="19"/>
      <c r="ABT16" s="19"/>
      <c r="ABU16" s="19"/>
      <c r="ABV16" s="19"/>
      <c r="ABW16" s="19"/>
      <c r="ABX16" s="19"/>
      <c r="ABY16" s="19"/>
      <c r="ABZ16" s="19"/>
      <c r="ACA16" s="19"/>
      <c r="ACB16" s="19"/>
      <c r="ACC16" s="19"/>
      <c r="ACD16" s="19"/>
      <c r="ACE16" s="19"/>
      <c r="ACF16" s="19"/>
      <c r="ACG16" s="19"/>
      <c r="ACH16" s="19"/>
      <c r="ACI16" s="19"/>
      <c r="ACJ16" s="19"/>
      <c r="ACK16" s="19"/>
      <c r="ACL16" s="19"/>
      <c r="ACM16" s="19"/>
      <c r="ACN16" s="19"/>
      <c r="ACO16" s="19"/>
      <c r="ACP16" s="19"/>
      <c r="ACQ16" s="19"/>
      <c r="ACR16" s="19"/>
      <c r="ACS16" s="19"/>
      <c r="ACT16" s="19"/>
      <c r="ACU16" s="19"/>
      <c r="ACV16" s="19"/>
      <c r="ACW16" s="19"/>
      <c r="ACX16" s="19"/>
      <c r="ACY16" s="19"/>
      <c r="ACZ16" s="19"/>
      <c r="ADA16" s="19"/>
      <c r="ADB16" s="19"/>
      <c r="ADC16" s="19"/>
      <c r="ADD16" s="19"/>
      <c r="ADE16" s="19"/>
      <c r="ADF16" s="19"/>
      <c r="ADG16" s="19"/>
      <c r="ADH16" s="19"/>
      <c r="ADI16" s="19"/>
      <c r="ADJ16" s="19"/>
      <c r="ADK16" s="19"/>
      <c r="ADL16" s="19"/>
      <c r="ADM16" s="19"/>
      <c r="ADN16" s="19"/>
      <c r="ADO16" s="19"/>
      <c r="ADP16" s="19"/>
      <c r="ADQ16" s="19"/>
      <c r="ADR16" s="19"/>
      <c r="ADS16" s="19"/>
      <c r="ADT16" s="19"/>
      <c r="ADU16" s="19"/>
      <c r="ADV16" s="19"/>
      <c r="ADW16" s="19"/>
      <c r="ADX16" s="19"/>
      <c r="ADY16" s="19"/>
      <c r="ADZ16" s="19"/>
      <c r="AEA16" s="19"/>
      <c r="AEB16" s="19"/>
      <c r="AEC16" s="19"/>
      <c r="AED16" s="19"/>
      <c r="AEE16" s="19"/>
      <c r="AEF16" s="19"/>
      <c r="AEG16" s="19"/>
      <c r="AEH16" s="19"/>
      <c r="AEI16" s="19"/>
      <c r="AEJ16" s="19"/>
      <c r="AEK16" s="19"/>
      <c r="AEL16" s="19"/>
      <c r="AEM16" s="19"/>
      <c r="AEN16" s="19"/>
      <c r="AEO16" s="19"/>
      <c r="AEP16" s="19"/>
      <c r="AEQ16" s="19"/>
      <c r="AER16" s="19"/>
      <c r="AES16" s="19"/>
      <c r="AET16" s="19"/>
      <c r="AEU16" s="19"/>
      <c r="AEV16" s="19"/>
      <c r="AEW16" s="19"/>
      <c r="AEX16" s="19"/>
      <c r="AEY16" s="19"/>
      <c r="AEZ16" s="19"/>
      <c r="AFA16" s="19"/>
      <c r="AFB16" s="19"/>
      <c r="AFC16" s="19"/>
      <c r="AFD16" s="19"/>
      <c r="AFE16" s="19"/>
      <c r="AFF16" s="19"/>
      <c r="AFG16" s="19"/>
      <c r="AFH16" s="19"/>
      <c r="AFI16" s="19"/>
      <c r="AFJ16" s="19"/>
      <c r="AFK16" s="19"/>
      <c r="AFL16" s="19"/>
      <c r="AFM16" s="19"/>
      <c r="AFN16" s="19"/>
      <c r="AFO16" s="19"/>
      <c r="AFP16" s="19"/>
      <c r="AFQ16" s="19"/>
      <c r="AFR16" s="19"/>
      <c r="AFS16" s="19"/>
      <c r="AFT16" s="19"/>
      <c r="AFU16" s="19"/>
      <c r="AFV16" s="19"/>
      <c r="AFW16" s="19"/>
      <c r="AFX16" s="19"/>
      <c r="AFY16" s="19"/>
      <c r="AFZ16" s="19"/>
      <c r="AGA16" s="19"/>
      <c r="AGB16" s="19"/>
      <c r="AGC16" s="19"/>
      <c r="AGD16" s="19"/>
      <c r="AGE16" s="19"/>
      <c r="AGF16" s="19"/>
      <c r="AGG16" s="19"/>
      <c r="AGH16" s="19"/>
      <c r="AGI16" s="19"/>
      <c r="AGJ16" s="19"/>
      <c r="AGK16" s="19"/>
      <c r="AGL16" s="19"/>
      <c r="AGM16" s="19"/>
      <c r="AGN16" s="19"/>
      <c r="AGO16" s="19"/>
      <c r="AGP16" s="19"/>
      <c r="AGQ16" s="19"/>
      <c r="AGR16" s="19"/>
      <c r="AGS16" s="19"/>
      <c r="AGT16" s="19"/>
      <c r="AGU16" s="19"/>
      <c r="AGV16" s="19"/>
      <c r="AGW16" s="19"/>
      <c r="AGX16" s="19"/>
      <c r="AGY16" s="19"/>
      <c r="AGZ16" s="19"/>
      <c r="AHA16" s="19"/>
      <c r="AHB16" s="19"/>
      <c r="AHC16" s="19"/>
      <c r="AHD16" s="19"/>
      <c r="AHE16" s="19"/>
      <c r="AHF16" s="19"/>
      <c r="AHG16" s="19"/>
      <c r="AHH16" s="19"/>
      <c r="AHI16" s="19"/>
      <c r="AHJ16" s="19"/>
      <c r="AHK16" s="19"/>
      <c r="AHL16" s="19"/>
      <c r="AHM16" s="19"/>
      <c r="AHN16" s="19"/>
      <c r="AHO16" s="19"/>
      <c r="AHP16" s="19"/>
      <c r="AHQ16" s="19"/>
      <c r="AHR16" s="19"/>
      <c r="AHS16" s="19"/>
      <c r="AHT16" s="19"/>
      <c r="AHU16" s="19"/>
      <c r="AHV16" s="19"/>
      <c r="AHW16" s="19"/>
      <c r="AHX16" s="19"/>
      <c r="AHY16" s="19"/>
      <c r="AHZ16" s="19"/>
      <c r="AIA16" s="19"/>
      <c r="AIB16" s="19"/>
      <c r="AIC16" s="19"/>
      <c r="AID16" s="19"/>
      <c r="AIE16" s="19"/>
      <c r="AIF16" s="19"/>
      <c r="AIG16" s="19"/>
      <c r="AIH16" s="19"/>
      <c r="AII16" s="19"/>
      <c r="AIJ16" s="19"/>
      <c r="AIK16" s="19"/>
      <c r="AIL16" s="19"/>
      <c r="AIM16" s="19"/>
      <c r="AIN16" s="19"/>
      <c r="AIO16" s="19"/>
      <c r="AIP16" s="19"/>
      <c r="AIQ16" s="19"/>
      <c r="AIR16" s="19"/>
      <c r="AIS16" s="19"/>
      <c r="AIT16" s="19"/>
      <c r="AIU16" s="19"/>
      <c r="AIV16" s="19"/>
      <c r="AIW16" s="19"/>
      <c r="AIX16" s="19"/>
      <c r="AIY16" s="19"/>
      <c r="AIZ16" s="19"/>
      <c r="AJA16" s="19"/>
      <c r="AJB16" s="19"/>
      <c r="AJC16" s="19"/>
      <c r="AJD16" s="19"/>
      <c r="AJE16" s="19"/>
      <c r="AJF16" s="19"/>
      <c r="AJG16" s="19"/>
      <c r="AJH16" s="19"/>
      <c r="AJI16" s="19"/>
      <c r="AJJ16" s="19"/>
      <c r="AJK16" s="19"/>
      <c r="AJL16" s="19"/>
      <c r="AJM16" s="19"/>
      <c r="AJN16" s="19"/>
      <c r="AJO16" s="19"/>
      <c r="AJP16" s="19"/>
      <c r="AJQ16" s="19"/>
      <c r="AJR16" s="19"/>
      <c r="AJS16" s="19"/>
      <c r="AJT16" s="19"/>
      <c r="AJU16" s="19"/>
      <c r="AJV16" s="19"/>
      <c r="AJW16" s="19"/>
      <c r="AJX16" s="19"/>
      <c r="AJY16" s="19"/>
      <c r="AJZ16" s="19"/>
      <c r="AKA16" s="19"/>
      <c r="AKB16" s="19"/>
      <c r="AKC16" s="19"/>
      <c r="AKD16" s="19"/>
      <c r="AKE16" s="19"/>
      <c r="AKF16" s="19"/>
      <c r="AKG16" s="19"/>
      <c r="AKH16" s="19"/>
      <c r="AKI16" s="19"/>
      <c r="AKJ16" s="19"/>
      <c r="AKK16" s="19"/>
      <c r="AKL16" s="19"/>
      <c r="AKM16" s="19"/>
      <c r="AKN16" s="19"/>
      <c r="AKO16" s="19"/>
      <c r="AKP16" s="19"/>
      <c r="AKQ16" s="19"/>
      <c r="AKR16" s="19"/>
      <c r="AKS16" s="19"/>
      <c r="AKT16" s="19"/>
      <c r="AKU16" s="19"/>
      <c r="AKV16" s="19"/>
      <c r="AKW16" s="19"/>
      <c r="AKX16" s="19"/>
      <c r="AKY16" s="19"/>
      <c r="AKZ16" s="19"/>
      <c r="ALA16" s="19"/>
      <c r="ALB16" s="19"/>
      <c r="ALC16" s="19"/>
      <c r="ALD16" s="19"/>
      <c r="ALE16" s="19"/>
      <c r="ALF16" s="19"/>
      <c r="ALG16" s="19"/>
      <c r="ALH16" s="19"/>
      <c r="ALI16" s="19"/>
      <c r="ALJ16" s="19"/>
      <c r="ALK16" s="19"/>
      <c r="ALL16" s="19"/>
      <c r="ALM16" s="19"/>
      <c r="ALN16" s="19"/>
      <c r="ALO16" s="19"/>
      <c r="ALP16" s="19"/>
      <c r="ALQ16" s="19"/>
      <c r="ALR16" s="19"/>
      <c r="ALS16" s="19"/>
      <c r="ALT16" s="19"/>
      <c r="ALU16" s="19"/>
      <c r="ALV16" s="19"/>
      <c r="ALW16" s="19"/>
      <c r="ALX16" s="19"/>
      <c r="ALY16" s="19"/>
      <c r="ALZ16" s="19"/>
      <c r="AMA16" s="19"/>
      <c r="AMB16" s="19"/>
      <c r="AMC16" s="19"/>
      <c r="AMD16" s="19"/>
      <c r="AME16" s="19"/>
      <c r="AMF16" s="19"/>
      <c r="AMG16" s="19"/>
      <c r="AMH16" s="19"/>
      <c r="AMI16" s="19"/>
      <c r="AMJ16" s="19"/>
      <c r="AMK16" s="19"/>
      <c r="AML16" s="19"/>
      <c r="AMM16" s="19"/>
      <c r="AMN16" s="19"/>
      <c r="AMO16" s="19"/>
      <c r="AMP16" s="19"/>
      <c r="AMQ16" s="19"/>
      <c r="AMR16" s="19"/>
      <c r="AMS16" s="19"/>
      <c r="AMT16" s="19"/>
      <c r="AMU16" s="19"/>
      <c r="AMV16" s="19"/>
      <c r="AMW16" s="19"/>
      <c r="AMX16" s="19"/>
      <c r="AMY16" s="19"/>
      <c r="AMZ16" s="19"/>
      <c r="ANA16" s="19"/>
      <c r="ANB16" s="19"/>
      <c r="ANC16" s="19"/>
      <c r="AND16" s="19"/>
      <c r="ANE16" s="19"/>
      <c r="ANF16" s="19"/>
      <c r="ANG16" s="19"/>
      <c r="ANH16" s="19"/>
      <c r="ANI16" s="19"/>
      <c r="ANJ16" s="19"/>
      <c r="ANK16" s="19"/>
      <c r="ANL16" s="19"/>
      <c r="ANM16" s="19"/>
      <c r="ANN16" s="19"/>
      <c r="ANO16" s="19"/>
      <c r="ANP16" s="19"/>
      <c r="ANQ16" s="19"/>
      <c r="ANR16" s="19"/>
      <c r="ANS16" s="19"/>
      <c r="ANT16" s="19"/>
      <c r="ANU16" s="19"/>
      <c r="ANV16" s="19"/>
      <c r="ANW16" s="19"/>
      <c r="ANX16" s="19"/>
      <c r="ANY16" s="19"/>
      <c r="ANZ16" s="19"/>
      <c r="AOA16" s="19"/>
      <c r="AOB16" s="19"/>
      <c r="AOC16" s="19"/>
      <c r="AOD16" s="19"/>
      <c r="AOE16" s="19"/>
      <c r="AOF16" s="19"/>
      <c r="AOG16" s="19"/>
      <c r="AOH16" s="19"/>
      <c r="AOI16" s="19"/>
      <c r="AOJ16" s="19"/>
      <c r="AOK16" s="19"/>
      <c r="AOL16" s="19"/>
      <c r="AOM16" s="19"/>
      <c r="AON16" s="19"/>
      <c r="AOO16" s="19"/>
      <c r="AOP16" s="19"/>
      <c r="AOQ16" s="19"/>
      <c r="AOR16" s="19"/>
      <c r="AOS16" s="19"/>
      <c r="AOT16" s="19"/>
      <c r="AOU16" s="19"/>
      <c r="AOV16" s="19"/>
      <c r="AOW16" s="19"/>
      <c r="AOX16" s="19"/>
      <c r="AOY16" s="19"/>
      <c r="AOZ16" s="19"/>
      <c r="APA16" s="19"/>
      <c r="APB16" s="19"/>
      <c r="APC16" s="19"/>
      <c r="APD16" s="19"/>
      <c r="APE16" s="19"/>
      <c r="APF16" s="19"/>
      <c r="APG16" s="19"/>
      <c r="APH16" s="19"/>
      <c r="API16" s="19"/>
      <c r="APJ16" s="19"/>
      <c r="APK16" s="19"/>
      <c r="APL16" s="19"/>
      <c r="APM16" s="19"/>
      <c r="APN16" s="19"/>
      <c r="APO16" s="19"/>
      <c r="APP16" s="19"/>
      <c r="APQ16" s="19"/>
      <c r="APR16" s="19"/>
      <c r="APS16" s="19"/>
      <c r="APT16" s="19"/>
      <c r="APU16" s="19"/>
      <c r="APV16" s="19"/>
      <c r="APW16" s="19"/>
      <c r="APX16" s="19"/>
      <c r="APY16" s="19"/>
      <c r="APZ16" s="19"/>
      <c r="AQA16" s="19"/>
      <c r="AQB16" s="19"/>
      <c r="AQC16" s="19"/>
      <c r="AQD16" s="19"/>
      <c r="AQE16" s="19"/>
      <c r="AQF16" s="19"/>
      <c r="AQG16" s="19"/>
      <c r="AQH16" s="19"/>
      <c r="AQI16" s="19"/>
      <c r="AQJ16" s="19"/>
      <c r="AQK16" s="19"/>
      <c r="AQL16" s="19"/>
      <c r="AQM16" s="19"/>
      <c r="AQN16" s="19"/>
      <c r="AQO16" s="19"/>
      <c r="AQP16" s="19"/>
      <c r="AQQ16" s="19"/>
      <c r="AQR16" s="19"/>
      <c r="AQS16" s="19"/>
      <c r="AQT16" s="19"/>
      <c r="AQU16" s="19"/>
      <c r="AQV16" s="19"/>
      <c r="AQW16" s="19"/>
      <c r="AQX16" s="19"/>
      <c r="AQY16" s="19"/>
      <c r="AQZ16" s="19"/>
      <c r="ARA16" s="19"/>
      <c r="ARB16" s="19"/>
      <c r="ARC16" s="19"/>
      <c r="ARD16" s="19"/>
      <c r="ARE16" s="19"/>
      <c r="ARF16" s="19"/>
      <c r="ARG16" s="19"/>
      <c r="ARH16" s="19"/>
      <c r="ARI16" s="19"/>
      <c r="ARJ16" s="19"/>
      <c r="ARK16" s="19"/>
      <c r="ARL16" s="19"/>
      <c r="ARM16" s="19"/>
      <c r="ARN16" s="19"/>
      <c r="ARO16" s="19"/>
      <c r="ARP16" s="19"/>
      <c r="ARQ16" s="19"/>
      <c r="ARR16" s="19"/>
      <c r="ARS16" s="19"/>
      <c r="ART16" s="19"/>
      <c r="ARU16" s="19"/>
      <c r="ARV16" s="19"/>
      <c r="ARW16" s="19"/>
      <c r="ARX16" s="19"/>
      <c r="ARY16" s="19"/>
      <c r="ARZ16" s="19"/>
      <c r="ASA16" s="19"/>
      <c r="ASB16" s="19"/>
      <c r="ASC16" s="19"/>
      <c r="ASD16" s="19"/>
      <c r="ASE16" s="19"/>
      <c r="ASF16" s="19"/>
      <c r="ASG16" s="19"/>
      <c r="ASH16" s="19"/>
      <c r="ASI16" s="19"/>
      <c r="ASJ16" s="19"/>
      <c r="ASK16" s="19"/>
      <c r="ASL16" s="19"/>
      <c r="ASM16" s="19"/>
      <c r="ASN16" s="19"/>
      <c r="ASO16" s="19"/>
      <c r="ASP16" s="19"/>
      <c r="ASQ16" s="19"/>
      <c r="ASR16" s="19"/>
      <c r="ASS16" s="19"/>
      <c r="AST16" s="19"/>
      <c r="ASU16" s="19"/>
      <c r="ASV16" s="19"/>
      <c r="ASW16" s="19"/>
      <c r="ASX16" s="19"/>
      <c r="ASY16" s="19"/>
      <c r="ASZ16" s="19"/>
      <c r="ATA16" s="19"/>
      <c r="ATB16" s="19"/>
      <c r="ATC16" s="19"/>
      <c r="ATD16" s="19"/>
      <c r="ATE16" s="19"/>
      <c r="ATF16" s="19"/>
      <c r="ATG16" s="19"/>
      <c r="ATH16" s="19"/>
      <c r="ATI16" s="19"/>
      <c r="ATJ16" s="19"/>
      <c r="ATK16" s="19"/>
      <c r="ATL16" s="19"/>
      <c r="ATM16" s="19"/>
      <c r="ATN16" s="19"/>
      <c r="ATO16" s="19"/>
      <c r="ATP16" s="19"/>
      <c r="ATQ16" s="19"/>
      <c r="ATR16" s="19"/>
      <c r="ATS16" s="19"/>
      <c r="ATT16" s="19"/>
      <c r="ATU16" s="19"/>
      <c r="ATV16" s="19"/>
      <c r="ATW16" s="19"/>
      <c r="ATX16" s="19"/>
      <c r="ATY16" s="19"/>
      <c r="ATZ16" s="19"/>
      <c r="AUA16" s="19"/>
      <c r="AUB16" s="19"/>
      <c r="AUC16" s="19"/>
      <c r="AUD16" s="19"/>
      <c r="AUE16" s="19"/>
      <c r="AUF16" s="19"/>
      <c r="AUG16" s="19"/>
      <c r="AUH16" s="19"/>
      <c r="AUI16" s="19"/>
      <c r="AUJ16" s="19"/>
      <c r="AUK16" s="19"/>
      <c r="AUL16" s="19"/>
      <c r="AUM16" s="19"/>
      <c r="AUN16" s="19"/>
      <c r="AUO16" s="19"/>
      <c r="AUP16" s="19"/>
      <c r="AUQ16" s="19"/>
      <c r="AUR16" s="19"/>
      <c r="AUS16" s="19"/>
      <c r="AUT16" s="19"/>
      <c r="AUU16" s="19"/>
      <c r="AUV16" s="19"/>
      <c r="AUW16" s="19"/>
      <c r="AUX16" s="19"/>
      <c r="AUY16" s="19"/>
      <c r="AUZ16" s="19"/>
      <c r="AVA16" s="19"/>
      <c r="AVB16" s="19"/>
      <c r="AVC16" s="19"/>
      <c r="AVD16" s="19"/>
      <c r="AVE16" s="19"/>
      <c r="AVF16" s="19"/>
      <c r="AVG16" s="19"/>
      <c r="AVH16" s="19"/>
      <c r="AVI16" s="19"/>
      <c r="AVJ16" s="19"/>
      <c r="AVK16" s="19"/>
      <c r="AVL16" s="19"/>
      <c r="AVM16" s="19"/>
      <c r="AVN16" s="19"/>
      <c r="AVO16" s="19"/>
      <c r="AVP16" s="19"/>
      <c r="AVQ16" s="19"/>
      <c r="AVR16" s="19"/>
      <c r="AVS16" s="19"/>
      <c r="AVT16" s="19"/>
      <c r="AVU16" s="19"/>
      <c r="AVV16" s="19"/>
      <c r="AVW16" s="19"/>
      <c r="AVX16" s="19"/>
      <c r="AVY16" s="19"/>
      <c r="AVZ16" s="19"/>
      <c r="AWA16" s="19"/>
      <c r="AWB16" s="19"/>
      <c r="AWC16" s="19"/>
      <c r="AWD16" s="19"/>
      <c r="AWE16" s="19"/>
      <c r="AWF16" s="19"/>
      <c r="AWG16" s="19"/>
      <c r="AWH16" s="19"/>
      <c r="AWI16" s="19"/>
      <c r="AWJ16" s="19"/>
      <c r="AWK16" s="19"/>
      <c r="AWL16" s="19"/>
      <c r="AWM16" s="19"/>
      <c r="AWN16" s="19"/>
      <c r="AWO16" s="19"/>
      <c r="AWP16" s="19"/>
      <c r="AWQ16" s="19"/>
      <c r="AWR16" s="19"/>
      <c r="AWS16" s="19"/>
      <c r="AWT16" s="19"/>
      <c r="AWU16" s="19"/>
      <c r="AWV16" s="19"/>
      <c r="AWW16" s="19"/>
      <c r="AWX16" s="19"/>
      <c r="AWY16" s="19"/>
      <c r="AWZ16" s="19"/>
      <c r="AXA16" s="19"/>
      <c r="AXB16" s="19"/>
      <c r="AXC16" s="19"/>
      <c r="AXD16" s="19"/>
      <c r="AXE16" s="19"/>
      <c r="AXF16" s="19"/>
      <c r="AXG16" s="19"/>
      <c r="AXH16" s="19"/>
      <c r="AXI16" s="19"/>
      <c r="AXJ16" s="19"/>
      <c r="AXK16" s="19"/>
      <c r="AXL16" s="19"/>
      <c r="AXM16" s="19"/>
      <c r="AXN16" s="19"/>
      <c r="AXO16" s="19"/>
      <c r="AXP16" s="19"/>
      <c r="AXQ16" s="19"/>
      <c r="AXR16" s="19"/>
      <c r="AXS16" s="19"/>
      <c r="AXT16" s="19"/>
      <c r="AXU16" s="19"/>
      <c r="AXV16" s="19"/>
      <c r="AXW16" s="19"/>
      <c r="AXX16" s="19"/>
      <c r="AXY16" s="19"/>
      <c r="AXZ16" s="19"/>
      <c r="AYA16" s="19"/>
      <c r="AYB16" s="19"/>
      <c r="AYC16" s="19"/>
      <c r="AYD16" s="19"/>
      <c r="AYE16" s="19"/>
      <c r="AYF16" s="19"/>
      <c r="AYG16" s="19"/>
      <c r="AYH16" s="19"/>
      <c r="AYI16" s="19"/>
      <c r="AYJ16" s="19"/>
      <c r="AYK16" s="19"/>
      <c r="AYL16" s="19"/>
      <c r="AYM16" s="19"/>
      <c r="AYN16" s="19"/>
      <c r="AYO16" s="19"/>
      <c r="AYP16" s="19"/>
      <c r="AYQ16" s="19"/>
      <c r="AYR16" s="19"/>
      <c r="AYS16" s="19"/>
      <c r="AYT16" s="19"/>
      <c r="AYU16" s="19"/>
      <c r="AYV16" s="19"/>
      <c r="AYW16" s="19"/>
      <c r="AYX16" s="19"/>
      <c r="AYY16" s="19"/>
      <c r="AYZ16" s="19"/>
      <c r="AZA16" s="19"/>
      <c r="AZB16" s="19"/>
      <c r="AZC16" s="19"/>
      <c r="AZD16" s="19"/>
      <c r="AZE16" s="19"/>
      <c r="AZF16" s="19"/>
      <c r="AZG16" s="19"/>
      <c r="AZH16" s="19"/>
      <c r="AZI16" s="19"/>
      <c r="AZJ16" s="19"/>
      <c r="AZK16" s="19"/>
      <c r="AZL16" s="19"/>
      <c r="AZM16" s="19"/>
      <c r="AZN16" s="19"/>
      <c r="AZO16" s="19"/>
      <c r="AZP16" s="19"/>
      <c r="AZQ16" s="19"/>
      <c r="AZR16" s="19"/>
      <c r="AZS16" s="19"/>
      <c r="AZT16" s="19"/>
      <c r="AZU16" s="19"/>
      <c r="AZV16" s="19"/>
      <c r="AZW16" s="19"/>
      <c r="AZX16" s="19"/>
      <c r="AZY16" s="19"/>
      <c r="AZZ16" s="19"/>
      <c r="BAA16" s="19"/>
      <c r="BAB16" s="19"/>
      <c r="BAC16" s="19"/>
      <c r="BAD16" s="19"/>
      <c r="BAE16" s="19"/>
      <c r="BAF16" s="19"/>
      <c r="BAG16" s="19"/>
      <c r="BAH16" s="19"/>
      <c r="BAI16" s="19"/>
      <c r="BAJ16" s="19"/>
      <c r="BAK16" s="19"/>
      <c r="BAL16" s="19"/>
      <c r="BAM16" s="19"/>
      <c r="BAN16" s="19"/>
      <c r="BAO16" s="19"/>
      <c r="BAP16" s="19"/>
      <c r="BAQ16" s="19"/>
      <c r="BAR16" s="19"/>
      <c r="BAS16" s="19"/>
      <c r="BAT16" s="19"/>
      <c r="BAU16" s="19"/>
      <c r="BAV16" s="19"/>
      <c r="BAW16" s="19"/>
      <c r="BAX16" s="19"/>
      <c r="BAY16" s="19"/>
      <c r="BAZ16" s="19"/>
      <c r="BBA16" s="19"/>
      <c r="BBB16" s="19"/>
      <c r="BBC16" s="19"/>
      <c r="BBD16" s="19"/>
      <c r="BBE16" s="19"/>
      <c r="BBF16" s="19"/>
      <c r="BBG16" s="19"/>
      <c r="BBH16" s="19"/>
      <c r="BBI16" s="19"/>
      <c r="BBJ16" s="19"/>
      <c r="BBK16" s="19"/>
      <c r="BBL16" s="19"/>
      <c r="BBM16" s="19"/>
      <c r="BBN16" s="19"/>
    </row>
    <row r="17" spans="1:1418" ht="27.75" customHeight="1" thickBot="1" x14ac:dyDescent="0.25">
      <c r="A17" s="89" t="s">
        <v>5</v>
      </c>
      <c r="B17" s="100" t="s">
        <v>67</v>
      </c>
      <c r="C17" s="153" t="s">
        <v>4</v>
      </c>
      <c r="D17" s="154"/>
      <c r="E17" s="155"/>
      <c r="F17" s="101" t="s">
        <v>68</v>
      </c>
      <c r="G17" s="100" t="s">
        <v>69</v>
      </c>
      <c r="H17" s="100" t="s">
        <v>70</v>
      </c>
      <c r="I17" s="100" t="s">
        <v>71</v>
      </c>
      <c r="J17" s="90" t="s">
        <v>6</v>
      </c>
    </row>
    <row r="18" spans="1:1418" s="21" customFormat="1" ht="18" customHeight="1" x14ac:dyDescent="0.2">
      <c r="A18" s="26" t="s">
        <v>16</v>
      </c>
      <c r="B18" s="27"/>
      <c r="C18" s="165" t="s">
        <v>9</v>
      </c>
      <c r="D18" s="166"/>
      <c r="E18" s="167"/>
      <c r="F18" s="27"/>
      <c r="G18" s="27"/>
      <c r="H18" s="27"/>
      <c r="I18" s="27"/>
      <c r="J18" s="28"/>
      <c r="K18" s="19"/>
      <c r="L18" s="19"/>
      <c r="M18" s="19"/>
      <c r="N18" s="19"/>
      <c r="O18" s="19"/>
      <c r="P18" s="19"/>
      <c r="Q18" s="19"/>
      <c r="R18" s="19"/>
      <c r="S18" s="19"/>
      <c r="T18" s="19"/>
      <c r="U18" s="19"/>
      <c r="V18" s="19"/>
      <c r="W18" s="19"/>
      <c r="X18" s="19"/>
      <c r="Y18" s="19"/>
      <c r="Z18" s="19"/>
      <c r="AA18" s="19"/>
      <c r="AB18" s="19"/>
      <c r="AC18" s="19"/>
      <c r="AD18" s="19"/>
      <c r="AE18" s="19"/>
      <c r="AF18" s="19"/>
      <c r="AG18" s="19"/>
      <c r="AH18" s="19"/>
      <c r="AI18" s="19"/>
      <c r="AJ18" s="19"/>
      <c r="AK18" s="19"/>
      <c r="AL18" s="19"/>
      <c r="AM18" s="19"/>
      <c r="AN18" s="19"/>
      <c r="AO18" s="19"/>
      <c r="AP18" s="19"/>
      <c r="AQ18" s="19"/>
      <c r="AR18" s="19"/>
      <c r="AS18" s="19"/>
      <c r="AT18" s="19"/>
      <c r="AU18" s="19"/>
      <c r="AV18" s="19"/>
      <c r="AW18" s="19"/>
      <c r="AX18" s="19"/>
      <c r="AY18" s="19"/>
      <c r="AZ18" s="19"/>
      <c r="BA18" s="19"/>
      <c r="BB18" s="19"/>
      <c r="BC18" s="19"/>
      <c r="BD18" s="19"/>
      <c r="BE18" s="19"/>
      <c r="BF18" s="19"/>
      <c r="BG18" s="19"/>
      <c r="BH18" s="19"/>
      <c r="BI18" s="19"/>
      <c r="BJ18" s="19"/>
      <c r="BK18" s="19"/>
      <c r="BL18" s="19"/>
      <c r="BM18" s="19"/>
      <c r="BN18" s="19"/>
      <c r="BO18" s="19"/>
      <c r="BP18" s="19"/>
      <c r="BQ18" s="19"/>
      <c r="BR18" s="19"/>
      <c r="BS18" s="19"/>
      <c r="BT18" s="19"/>
      <c r="BU18" s="19"/>
      <c r="BV18" s="19"/>
      <c r="BW18" s="19"/>
      <c r="BX18" s="19"/>
      <c r="BY18" s="19"/>
      <c r="BZ18" s="19"/>
      <c r="CA18" s="19"/>
      <c r="CB18" s="19"/>
      <c r="CC18" s="19"/>
      <c r="CD18" s="19"/>
      <c r="CE18" s="19"/>
      <c r="CF18" s="19"/>
      <c r="CG18" s="19"/>
      <c r="CH18" s="19"/>
      <c r="CI18" s="19"/>
      <c r="CJ18" s="19"/>
      <c r="CK18" s="19"/>
      <c r="CL18" s="19"/>
      <c r="CM18" s="19"/>
      <c r="CN18" s="19"/>
      <c r="CO18" s="19"/>
      <c r="CP18" s="19"/>
      <c r="CQ18" s="19"/>
      <c r="CR18" s="19"/>
      <c r="CS18" s="19"/>
      <c r="CT18" s="19"/>
      <c r="CU18" s="19"/>
      <c r="CV18" s="19"/>
      <c r="CW18" s="19"/>
      <c r="CX18" s="19"/>
      <c r="CY18" s="19"/>
      <c r="CZ18" s="19"/>
      <c r="DA18" s="19"/>
      <c r="DB18" s="19"/>
      <c r="DC18" s="19"/>
      <c r="DD18" s="19"/>
      <c r="DE18" s="19"/>
      <c r="DF18" s="19"/>
      <c r="DG18" s="19"/>
      <c r="DH18" s="19"/>
      <c r="DI18" s="19"/>
      <c r="DJ18" s="19"/>
      <c r="DK18" s="19"/>
      <c r="DL18" s="19"/>
      <c r="DM18" s="19"/>
      <c r="DN18" s="19"/>
      <c r="DO18" s="19"/>
      <c r="DP18" s="19"/>
      <c r="DQ18" s="19"/>
      <c r="DR18" s="19"/>
      <c r="DS18" s="19"/>
      <c r="DT18" s="19"/>
      <c r="DU18" s="19"/>
      <c r="DV18" s="19"/>
      <c r="DW18" s="19"/>
      <c r="DX18" s="19"/>
      <c r="DY18" s="19"/>
      <c r="DZ18" s="19"/>
      <c r="EA18" s="19"/>
      <c r="EB18" s="19"/>
      <c r="EC18" s="19"/>
      <c r="ED18" s="19"/>
      <c r="EE18" s="19"/>
      <c r="EF18" s="19"/>
      <c r="EG18" s="19"/>
      <c r="EH18" s="19"/>
      <c r="EI18" s="19"/>
      <c r="EJ18" s="19"/>
      <c r="EK18" s="19"/>
      <c r="EL18" s="19"/>
      <c r="EM18" s="19"/>
      <c r="EN18" s="19"/>
      <c r="EO18" s="19"/>
      <c r="EP18" s="19"/>
      <c r="EQ18" s="19"/>
      <c r="ER18" s="19"/>
      <c r="ES18" s="19"/>
      <c r="ET18" s="19"/>
      <c r="EU18" s="19"/>
      <c r="EV18" s="19"/>
      <c r="EW18" s="19"/>
      <c r="EX18" s="19"/>
      <c r="EY18" s="19"/>
      <c r="EZ18" s="19"/>
      <c r="FA18" s="19"/>
      <c r="FB18" s="19"/>
      <c r="FC18" s="19"/>
      <c r="FD18" s="19"/>
      <c r="FE18" s="19"/>
      <c r="FF18" s="19"/>
      <c r="FG18" s="19"/>
      <c r="FH18" s="19"/>
      <c r="FI18" s="19"/>
      <c r="FJ18" s="19"/>
      <c r="FK18" s="19"/>
      <c r="FL18" s="19"/>
      <c r="FM18" s="19"/>
      <c r="FN18" s="19"/>
      <c r="FO18" s="19"/>
      <c r="FP18" s="19"/>
      <c r="FQ18" s="19"/>
      <c r="FR18" s="19"/>
      <c r="FS18" s="19"/>
      <c r="FT18" s="19"/>
      <c r="FU18" s="19"/>
      <c r="FV18" s="19"/>
      <c r="FW18" s="19"/>
      <c r="FX18" s="19"/>
      <c r="FY18" s="19"/>
      <c r="FZ18" s="19"/>
      <c r="GA18" s="19"/>
      <c r="GB18" s="19"/>
      <c r="GC18" s="19"/>
      <c r="GD18" s="19"/>
      <c r="GE18" s="19"/>
      <c r="GF18" s="19"/>
      <c r="GG18" s="19"/>
      <c r="GH18" s="19"/>
      <c r="GI18" s="19"/>
      <c r="GJ18" s="19"/>
      <c r="GK18" s="19"/>
      <c r="GL18" s="19"/>
      <c r="GM18" s="19"/>
      <c r="GN18" s="19"/>
      <c r="GO18" s="19"/>
      <c r="GP18" s="19"/>
      <c r="GQ18" s="19"/>
      <c r="GR18" s="19"/>
      <c r="GS18" s="19"/>
      <c r="GT18" s="19"/>
      <c r="GU18" s="19"/>
      <c r="GV18" s="19"/>
      <c r="GW18" s="19"/>
      <c r="GX18" s="19"/>
      <c r="GY18" s="19"/>
      <c r="GZ18" s="19"/>
      <c r="HA18" s="19"/>
      <c r="HB18" s="19"/>
      <c r="HC18" s="19"/>
      <c r="HD18" s="19"/>
      <c r="HE18" s="19"/>
      <c r="HF18" s="19"/>
      <c r="HG18" s="19"/>
      <c r="HH18" s="19"/>
      <c r="HI18" s="19"/>
      <c r="HJ18" s="19"/>
      <c r="HK18" s="19"/>
      <c r="HL18" s="19"/>
      <c r="HM18" s="19"/>
      <c r="HN18" s="19"/>
      <c r="HO18" s="19"/>
      <c r="HP18" s="19"/>
      <c r="HQ18" s="19"/>
      <c r="HR18" s="19"/>
      <c r="HS18" s="19"/>
      <c r="HT18" s="19"/>
      <c r="HU18" s="19"/>
      <c r="HV18" s="19"/>
      <c r="HW18" s="19"/>
      <c r="HX18" s="19"/>
      <c r="HY18" s="19"/>
      <c r="HZ18" s="19"/>
      <c r="IA18" s="19"/>
      <c r="IB18" s="19"/>
      <c r="IC18" s="19"/>
      <c r="ID18" s="19"/>
      <c r="IE18" s="19"/>
      <c r="IF18" s="19"/>
      <c r="IG18" s="19"/>
      <c r="IH18" s="19"/>
      <c r="II18" s="19"/>
      <c r="IJ18" s="19"/>
      <c r="IK18" s="19"/>
      <c r="IL18" s="19"/>
      <c r="IM18" s="19"/>
      <c r="IN18" s="19"/>
      <c r="IO18" s="19"/>
      <c r="IP18" s="19"/>
      <c r="IQ18" s="19"/>
      <c r="IR18" s="19"/>
      <c r="IS18" s="19"/>
      <c r="IT18" s="19"/>
      <c r="IU18" s="19"/>
      <c r="IV18" s="19"/>
      <c r="IW18" s="19"/>
      <c r="IX18" s="19"/>
      <c r="IY18" s="19"/>
      <c r="IZ18" s="19"/>
      <c r="JA18" s="19"/>
      <c r="JB18" s="19"/>
      <c r="JC18" s="19"/>
      <c r="JD18" s="19"/>
      <c r="JE18" s="19"/>
      <c r="JF18" s="19"/>
      <c r="JG18" s="19"/>
      <c r="JH18" s="19"/>
      <c r="JI18" s="19"/>
      <c r="JJ18" s="19"/>
      <c r="JK18" s="19"/>
      <c r="JL18" s="19"/>
      <c r="JM18" s="19"/>
      <c r="JN18" s="19"/>
      <c r="JO18" s="19"/>
      <c r="JP18" s="19"/>
      <c r="JQ18" s="19"/>
      <c r="JR18" s="19"/>
      <c r="JS18" s="19"/>
      <c r="JT18" s="19"/>
      <c r="JU18" s="19"/>
      <c r="JV18" s="19"/>
      <c r="JW18" s="19"/>
      <c r="JX18" s="19"/>
      <c r="JY18" s="19"/>
      <c r="JZ18" s="19"/>
      <c r="KA18" s="19"/>
      <c r="KB18" s="19"/>
      <c r="KC18" s="19"/>
      <c r="KD18" s="19"/>
      <c r="KE18" s="19"/>
      <c r="KF18" s="19"/>
      <c r="KG18" s="19"/>
      <c r="KH18" s="19"/>
      <c r="KI18" s="19"/>
      <c r="KJ18" s="19"/>
      <c r="KK18" s="19"/>
      <c r="KL18" s="19"/>
      <c r="KM18" s="19"/>
      <c r="KN18" s="19"/>
      <c r="KO18" s="19"/>
      <c r="KP18" s="19"/>
      <c r="KQ18" s="19"/>
      <c r="KR18" s="19"/>
      <c r="KS18" s="19"/>
      <c r="KT18" s="19"/>
      <c r="KU18" s="19"/>
      <c r="KV18" s="19"/>
      <c r="KW18" s="19"/>
      <c r="KX18" s="19"/>
      <c r="KY18" s="19"/>
      <c r="KZ18" s="19"/>
      <c r="LA18" s="19"/>
      <c r="LB18" s="19"/>
      <c r="LC18" s="19"/>
      <c r="LD18" s="19"/>
      <c r="LE18" s="19"/>
      <c r="LF18" s="19"/>
      <c r="LG18" s="19"/>
      <c r="LH18" s="19"/>
      <c r="LI18" s="19"/>
      <c r="LJ18" s="19"/>
      <c r="LK18" s="19"/>
      <c r="LL18" s="19"/>
      <c r="LM18" s="19"/>
      <c r="LN18" s="19"/>
      <c r="LO18" s="19"/>
      <c r="LP18" s="19"/>
      <c r="LQ18" s="19"/>
      <c r="LR18" s="19"/>
      <c r="LS18" s="19"/>
      <c r="LT18" s="19"/>
      <c r="LU18" s="19"/>
      <c r="LV18" s="19"/>
      <c r="LW18" s="19"/>
      <c r="LX18" s="19"/>
      <c r="LY18" s="19"/>
      <c r="LZ18" s="19"/>
      <c r="MA18" s="19"/>
      <c r="MB18" s="19"/>
      <c r="MC18" s="19"/>
      <c r="MD18" s="19"/>
      <c r="ME18" s="19"/>
      <c r="MF18" s="19"/>
      <c r="MG18" s="19"/>
      <c r="MH18" s="19"/>
      <c r="MI18" s="19"/>
      <c r="MJ18" s="19"/>
      <c r="MK18" s="19"/>
      <c r="ML18" s="19"/>
      <c r="MM18" s="19"/>
      <c r="MN18" s="19"/>
      <c r="MO18" s="19"/>
      <c r="MP18" s="19"/>
      <c r="MQ18" s="19"/>
      <c r="MR18" s="19"/>
      <c r="MS18" s="19"/>
      <c r="MT18" s="19"/>
      <c r="MU18" s="19"/>
      <c r="MV18" s="19"/>
      <c r="MW18" s="19"/>
      <c r="MX18" s="19"/>
      <c r="MY18" s="19"/>
      <c r="MZ18" s="19"/>
      <c r="NA18" s="19"/>
      <c r="NB18" s="19"/>
      <c r="NC18" s="19"/>
      <c r="ND18" s="19"/>
      <c r="NE18" s="19"/>
      <c r="NF18" s="19"/>
      <c r="NG18" s="19"/>
      <c r="NH18" s="19"/>
      <c r="NI18" s="19"/>
      <c r="NJ18" s="19"/>
      <c r="NK18" s="19"/>
      <c r="NL18" s="19"/>
      <c r="NM18" s="19"/>
      <c r="NN18" s="19"/>
      <c r="NO18" s="19"/>
      <c r="NP18" s="19"/>
      <c r="NQ18" s="19"/>
      <c r="NR18" s="19"/>
      <c r="NS18" s="19"/>
      <c r="NT18" s="19"/>
      <c r="NU18" s="19"/>
      <c r="NV18" s="19"/>
      <c r="NW18" s="19"/>
      <c r="NX18" s="19"/>
      <c r="NY18" s="19"/>
      <c r="NZ18" s="19"/>
      <c r="OA18" s="19"/>
      <c r="OB18" s="19"/>
      <c r="OC18" s="19"/>
      <c r="OD18" s="19"/>
      <c r="OE18" s="19"/>
      <c r="OF18" s="19"/>
      <c r="OG18" s="19"/>
      <c r="OH18" s="19"/>
      <c r="OI18" s="19"/>
      <c r="OJ18" s="19"/>
      <c r="OK18" s="19"/>
      <c r="OL18" s="19"/>
      <c r="OM18" s="19"/>
      <c r="ON18" s="19"/>
      <c r="OO18" s="19"/>
      <c r="OP18" s="19"/>
      <c r="OQ18" s="19"/>
      <c r="OR18" s="19"/>
      <c r="OS18" s="19"/>
      <c r="OT18" s="19"/>
      <c r="OU18" s="19"/>
      <c r="OV18" s="19"/>
      <c r="OW18" s="19"/>
      <c r="OX18" s="19"/>
      <c r="OY18" s="19"/>
      <c r="OZ18" s="19"/>
      <c r="PA18" s="19"/>
      <c r="PB18" s="19"/>
      <c r="PC18" s="19"/>
      <c r="PD18" s="19"/>
      <c r="PE18" s="19"/>
      <c r="PF18" s="19"/>
      <c r="PG18" s="19"/>
      <c r="PH18" s="19"/>
      <c r="PI18" s="19"/>
      <c r="PJ18" s="19"/>
      <c r="PK18" s="19"/>
      <c r="PL18" s="19"/>
      <c r="PM18" s="19"/>
      <c r="PN18" s="19"/>
      <c r="PO18" s="19"/>
      <c r="PP18" s="19"/>
      <c r="PQ18" s="19"/>
      <c r="PR18" s="19"/>
      <c r="PS18" s="19"/>
      <c r="PT18" s="19"/>
      <c r="PU18" s="19"/>
      <c r="PV18" s="19"/>
      <c r="PW18" s="19"/>
      <c r="PX18" s="19"/>
      <c r="PY18" s="19"/>
      <c r="PZ18" s="19"/>
      <c r="QA18" s="19"/>
      <c r="QB18" s="19"/>
      <c r="QC18" s="19"/>
      <c r="QD18" s="19"/>
      <c r="QE18" s="19"/>
      <c r="QF18" s="19"/>
      <c r="QG18" s="19"/>
      <c r="QH18" s="19"/>
      <c r="QI18" s="19"/>
      <c r="QJ18" s="19"/>
      <c r="QK18" s="19"/>
      <c r="QL18" s="19"/>
      <c r="QM18" s="19"/>
      <c r="QN18" s="19"/>
      <c r="QO18" s="19"/>
      <c r="QP18" s="19"/>
      <c r="QQ18" s="19"/>
      <c r="QR18" s="19"/>
      <c r="QS18" s="19"/>
      <c r="QT18" s="19"/>
      <c r="QU18" s="19"/>
      <c r="QV18" s="19"/>
      <c r="QW18" s="19"/>
      <c r="QX18" s="19"/>
      <c r="QY18" s="19"/>
      <c r="QZ18" s="19"/>
      <c r="RA18" s="19"/>
      <c r="RB18" s="19"/>
      <c r="RC18" s="19"/>
      <c r="RD18" s="19"/>
      <c r="RE18" s="19"/>
      <c r="RF18" s="19"/>
      <c r="RG18" s="19"/>
      <c r="RH18" s="19"/>
      <c r="RI18" s="19"/>
      <c r="RJ18" s="19"/>
      <c r="RK18" s="19"/>
      <c r="RL18" s="19"/>
      <c r="RM18" s="19"/>
      <c r="RN18" s="19"/>
      <c r="RO18" s="19"/>
      <c r="RP18" s="19"/>
      <c r="RQ18" s="19"/>
      <c r="RR18" s="19"/>
      <c r="RS18" s="19"/>
      <c r="RT18" s="19"/>
      <c r="RU18" s="19"/>
      <c r="RV18" s="19"/>
      <c r="RW18" s="19"/>
      <c r="RX18" s="19"/>
      <c r="RY18" s="19"/>
      <c r="RZ18" s="19"/>
      <c r="SA18" s="19"/>
      <c r="SB18" s="19"/>
      <c r="SC18" s="19"/>
      <c r="SD18" s="19"/>
      <c r="SE18" s="19"/>
      <c r="SF18" s="19"/>
      <c r="SG18" s="19"/>
      <c r="SH18" s="19"/>
      <c r="SI18" s="19"/>
      <c r="SJ18" s="19"/>
      <c r="SK18" s="19"/>
      <c r="SL18" s="19"/>
      <c r="SM18" s="19"/>
      <c r="SN18" s="19"/>
      <c r="SO18" s="19"/>
      <c r="SP18" s="19"/>
      <c r="SQ18" s="19"/>
      <c r="SR18" s="19"/>
      <c r="SS18" s="19"/>
      <c r="ST18" s="19"/>
      <c r="SU18" s="19"/>
      <c r="SV18" s="19"/>
      <c r="SW18" s="19"/>
      <c r="SX18" s="19"/>
      <c r="SY18" s="19"/>
      <c r="SZ18" s="19"/>
      <c r="TA18" s="19"/>
      <c r="TB18" s="19"/>
      <c r="TC18" s="19"/>
      <c r="TD18" s="19"/>
      <c r="TE18" s="19"/>
      <c r="TF18" s="19"/>
      <c r="TG18" s="19"/>
      <c r="TH18" s="19"/>
      <c r="TI18" s="19"/>
      <c r="TJ18" s="19"/>
      <c r="TK18" s="19"/>
      <c r="TL18" s="19"/>
      <c r="TM18" s="19"/>
      <c r="TN18" s="19"/>
      <c r="TO18" s="19"/>
      <c r="TP18" s="19"/>
      <c r="TQ18" s="19"/>
      <c r="TR18" s="19"/>
      <c r="TS18" s="19"/>
      <c r="TT18" s="19"/>
      <c r="TU18" s="19"/>
      <c r="TV18" s="19"/>
      <c r="TW18" s="19"/>
      <c r="TX18" s="19"/>
      <c r="TY18" s="19"/>
      <c r="TZ18" s="19"/>
      <c r="UA18" s="19"/>
      <c r="UB18" s="19"/>
      <c r="UC18" s="19"/>
      <c r="UD18" s="19"/>
      <c r="UE18" s="19"/>
      <c r="UF18" s="19"/>
      <c r="UG18" s="19"/>
      <c r="UH18" s="19"/>
      <c r="UI18" s="19"/>
      <c r="UJ18" s="19"/>
      <c r="UK18" s="19"/>
      <c r="UL18" s="19"/>
      <c r="UM18" s="19"/>
      <c r="UN18" s="19"/>
      <c r="UO18" s="19"/>
      <c r="UP18" s="19"/>
      <c r="UQ18" s="19"/>
      <c r="UR18" s="19"/>
      <c r="US18" s="19"/>
      <c r="UT18" s="19"/>
      <c r="UU18" s="19"/>
      <c r="UV18" s="19"/>
      <c r="UW18" s="19"/>
      <c r="UX18" s="19"/>
      <c r="UY18" s="19"/>
      <c r="UZ18" s="19"/>
      <c r="VA18" s="19"/>
      <c r="VB18" s="19"/>
      <c r="VC18" s="19"/>
      <c r="VD18" s="19"/>
      <c r="VE18" s="19"/>
      <c r="VF18" s="19"/>
      <c r="VG18" s="19"/>
      <c r="VH18" s="19"/>
      <c r="VI18" s="19"/>
      <c r="VJ18" s="19"/>
      <c r="VK18" s="19"/>
      <c r="VL18" s="19"/>
      <c r="VM18" s="19"/>
      <c r="VN18" s="19"/>
      <c r="VO18" s="19"/>
      <c r="VP18" s="19"/>
      <c r="VQ18" s="19"/>
      <c r="VR18" s="19"/>
      <c r="VS18" s="19"/>
      <c r="VT18" s="19"/>
      <c r="VU18" s="19"/>
      <c r="VV18" s="19"/>
      <c r="VW18" s="19"/>
      <c r="VX18" s="19"/>
      <c r="VY18" s="19"/>
      <c r="VZ18" s="19"/>
      <c r="WA18" s="19"/>
      <c r="WB18" s="19"/>
      <c r="WC18" s="19"/>
      <c r="WD18" s="19"/>
      <c r="WE18" s="19"/>
      <c r="WF18" s="19"/>
      <c r="WG18" s="19"/>
      <c r="WH18" s="19"/>
      <c r="WI18" s="19"/>
      <c r="WJ18" s="19"/>
      <c r="WK18" s="19"/>
      <c r="WL18" s="19"/>
      <c r="WM18" s="19"/>
      <c r="WN18" s="19"/>
      <c r="WO18" s="19"/>
      <c r="WP18" s="19"/>
      <c r="WQ18" s="19"/>
      <c r="WR18" s="19"/>
      <c r="WS18" s="19"/>
      <c r="WT18" s="19"/>
      <c r="WU18" s="19"/>
      <c r="WV18" s="19"/>
      <c r="WW18" s="19"/>
      <c r="WX18" s="19"/>
      <c r="WY18" s="19"/>
      <c r="WZ18" s="19"/>
      <c r="XA18" s="19"/>
      <c r="XB18" s="19"/>
      <c r="XC18" s="19"/>
      <c r="XD18" s="19"/>
      <c r="XE18" s="19"/>
      <c r="XF18" s="19"/>
      <c r="XG18" s="19"/>
      <c r="XH18" s="19"/>
      <c r="XI18" s="19"/>
      <c r="XJ18" s="19"/>
      <c r="XK18" s="19"/>
      <c r="XL18" s="19"/>
      <c r="XM18" s="19"/>
      <c r="XN18" s="19"/>
      <c r="XO18" s="19"/>
      <c r="XP18" s="19"/>
      <c r="XQ18" s="19"/>
      <c r="XR18" s="19"/>
      <c r="XS18" s="19"/>
      <c r="XT18" s="19"/>
      <c r="XU18" s="19"/>
      <c r="XV18" s="19"/>
      <c r="XW18" s="19"/>
      <c r="XX18" s="19"/>
      <c r="XY18" s="19"/>
      <c r="XZ18" s="19"/>
      <c r="YA18" s="19"/>
      <c r="YB18" s="19"/>
      <c r="YC18" s="19"/>
      <c r="YD18" s="19"/>
      <c r="YE18" s="19"/>
      <c r="YF18" s="19"/>
      <c r="YG18" s="19"/>
      <c r="YH18" s="19"/>
      <c r="YI18" s="19"/>
      <c r="YJ18" s="19"/>
      <c r="YK18" s="19"/>
      <c r="YL18" s="19"/>
      <c r="YM18" s="19"/>
      <c r="YN18" s="19"/>
      <c r="YO18" s="19"/>
      <c r="YP18" s="19"/>
      <c r="YQ18" s="19"/>
      <c r="YR18" s="19"/>
      <c r="YS18" s="19"/>
      <c r="YT18" s="19"/>
      <c r="YU18" s="19"/>
      <c r="YV18" s="19"/>
      <c r="YW18" s="19"/>
      <c r="YX18" s="19"/>
      <c r="YY18" s="19"/>
      <c r="YZ18" s="19"/>
      <c r="ZA18" s="19"/>
      <c r="ZB18" s="19"/>
      <c r="ZC18" s="19"/>
      <c r="ZD18" s="19"/>
      <c r="ZE18" s="19"/>
      <c r="ZF18" s="19"/>
      <c r="ZG18" s="19"/>
      <c r="ZH18" s="19"/>
      <c r="ZI18" s="19"/>
      <c r="ZJ18" s="19"/>
      <c r="ZK18" s="19"/>
      <c r="ZL18" s="19"/>
      <c r="ZM18" s="19"/>
      <c r="ZN18" s="19"/>
      <c r="ZO18" s="19"/>
      <c r="ZP18" s="19"/>
      <c r="ZQ18" s="19"/>
      <c r="ZR18" s="19"/>
      <c r="ZS18" s="19"/>
      <c r="ZT18" s="19"/>
      <c r="ZU18" s="19"/>
      <c r="ZV18" s="19"/>
      <c r="ZW18" s="19"/>
      <c r="ZX18" s="19"/>
      <c r="ZY18" s="19"/>
      <c r="ZZ18" s="19"/>
      <c r="AAA18" s="19"/>
      <c r="AAB18" s="19"/>
      <c r="AAC18" s="19"/>
      <c r="AAD18" s="19"/>
      <c r="AAE18" s="19"/>
      <c r="AAF18" s="19"/>
      <c r="AAG18" s="19"/>
      <c r="AAH18" s="19"/>
      <c r="AAI18" s="19"/>
      <c r="AAJ18" s="19"/>
      <c r="AAK18" s="19"/>
      <c r="AAL18" s="19"/>
      <c r="AAM18" s="19"/>
      <c r="AAN18" s="19"/>
      <c r="AAO18" s="19"/>
      <c r="AAP18" s="19"/>
      <c r="AAQ18" s="19"/>
      <c r="AAR18" s="19"/>
      <c r="AAS18" s="19"/>
      <c r="AAT18" s="19"/>
      <c r="AAU18" s="19"/>
      <c r="AAV18" s="19"/>
      <c r="AAW18" s="19"/>
      <c r="AAX18" s="19"/>
      <c r="AAY18" s="19"/>
      <c r="AAZ18" s="19"/>
      <c r="ABA18" s="19"/>
      <c r="ABB18" s="19"/>
      <c r="ABC18" s="19"/>
      <c r="ABD18" s="19"/>
      <c r="ABE18" s="19"/>
      <c r="ABF18" s="19"/>
      <c r="ABG18" s="19"/>
      <c r="ABH18" s="19"/>
      <c r="ABI18" s="19"/>
      <c r="ABJ18" s="19"/>
      <c r="ABK18" s="19"/>
      <c r="ABL18" s="19"/>
      <c r="ABM18" s="19"/>
      <c r="ABN18" s="19"/>
      <c r="ABO18" s="19"/>
      <c r="ABP18" s="19"/>
      <c r="ABQ18" s="19"/>
      <c r="ABR18" s="19"/>
      <c r="ABS18" s="19"/>
      <c r="ABT18" s="19"/>
      <c r="ABU18" s="19"/>
      <c r="ABV18" s="19"/>
      <c r="ABW18" s="19"/>
      <c r="ABX18" s="19"/>
      <c r="ABY18" s="19"/>
      <c r="ABZ18" s="19"/>
      <c r="ACA18" s="19"/>
      <c r="ACB18" s="19"/>
      <c r="ACC18" s="19"/>
      <c r="ACD18" s="19"/>
      <c r="ACE18" s="19"/>
      <c r="ACF18" s="19"/>
      <c r="ACG18" s="19"/>
      <c r="ACH18" s="19"/>
      <c r="ACI18" s="19"/>
      <c r="ACJ18" s="19"/>
      <c r="ACK18" s="19"/>
      <c r="ACL18" s="19"/>
      <c r="ACM18" s="19"/>
      <c r="ACN18" s="19"/>
      <c r="ACO18" s="19"/>
      <c r="ACP18" s="19"/>
      <c r="ACQ18" s="19"/>
      <c r="ACR18" s="19"/>
      <c r="ACS18" s="19"/>
      <c r="ACT18" s="19"/>
      <c r="ACU18" s="19"/>
      <c r="ACV18" s="19"/>
      <c r="ACW18" s="19"/>
      <c r="ACX18" s="19"/>
      <c r="ACY18" s="19"/>
      <c r="ACZ18" s="19"/>
      <c r="ADA18" s="19"/>
      <c r="ADB18" s="19"/>
      <c r="ADC18" s="19"/>
      <c r="ADD18" s="19"/>
      <c r="ADE18" s="19"/>
      <c r="ADF18" s="19"/>
      <c r="ADG18" s="19"/>
      <c r="ADH18" s="19"/>
      <c r="ADI18" s="19"/>
      <c r="ADJ18" s="19"/>
      <c r="ADK18" s="19"/>
      <c r="ADL18" s="19"/>
      <c r="ADM18" s="19"/>
      <c r="ADN18" s="19"/>
      <c r="ADO18" s="19"/>
      <c r="ADP18" s="19"/>
      <c r="ADQ18" s="19"/>
      <c r="ADR18" s="19"/>
      <c r="ADS18" s="19"/>
      <c r="ADT18" s="19"/>
      <c r="ADU18" s="19"/>
      <c r="ADV18" s="19"/>
      <c r="ADW18" s="19"/>
      <c r="ADX18" s="19"/>
      <c r="ADY18" s="19"/>
      <c r="ADZ18" s="19"/>
      <c r="AEA18" s="19"/>
      <c r="AEB18" s="19"/>
      <c r="AEC18" s="19"/>
      <c r="AED18" s="19"/>
      <c r="AEE18" s="19"/>
      <c r="AEF18" s="19"/>
      <c r="AEG18" s="19"/>
      <c r="AEH18" s="19"/>
      <c r="AEI18" s="19"/>
      <c r="AEJ18" s="19"/>
      <c r="AEK18" s="19"/>
      <c r="AEL18" s="19"/>
      <c r="AEM18" s="19"/>
      <c r="AEN18" s="19"/>
      <c r="AEO18" s="19"/>
      <c r="AEP18" s="19"/>
      <c r="AEQ18" s="19"/>
      <c r="AER18" s="19"/>
      <c r="AES18" s="19"/>
      <c r="AET18" s="19"/>
      <c r="AEU18" s="19"/>
      <c r="AEV18" s="19"/>
      <c r="AEW18" s="19"/>
      <c r="AEX18" s="19"/>
      <c r="AEY18" s="19"/>
      <c r="AEZ18" s="19"/>
      <c r="AFA18" s="19"/>
      <c r="AFB18" s="19"/>
      <c r="AFC18" s="19"/>
      <c r="AFD18" s="19"/>
      <c r="AFE18" s="19"/>
      <c r="AFF18" s="19"/>
      <c r="AFG18" s="19"/>
      <c r="AFH18" s="19"/>
      <c r="AFI18" s="19"/>
      <c r="AFJ18" s="19"/>
      <c r="AFK18" s="19"/>
      <c r="AFL18" s="19"/>
      <c r="AFM18" s="19"/>
      <c r="AFN18" s="19"/>
      <c r="AFO18" s="19"/>
      <c r="AFP18" s="19"/>
      <c r="AFQ18" s="19"/>
      <c r="AFR18" s="19"/>
      <c r="AFS18" s="19"/>
      <c r="AFT18" s="19"/>
      <c r="AFU18" s="19"/>
      <c r="AFV18" s="19"/>
      <c r="AFW18" s="19"/>
      <c r="AFX18" s="19"/>
      <c r="AFY18" s="19"/>
      <c r="AFZ18" s="19"/>
      <c r="AGA18" s="19"/>
      <c r="AGB18" s="19"/>
      <c r="AGC18" s="19"/>
      <c r="AGD18" s="19"/>
      <c r="AGE18" s="19"/>
      <c r="AGF18" s="19"/>
      <c r="AGG18" s="19"/>
      <c r="AGH18" s="19"/>
      <c r="AGI18" s="19"/>
      <c r="AGJ18" s="19"/>
      <c r="AGK18" s="19"/>
      <c r="AGL18" s="19"/>
      <c r="AGM18" s="19"/>
      <c r="AGN18" s="19"/>
      <c r="AGO18" s="19"/>
      <c r="AGP18" s="19"/>
      <c r="AGQ18" s="19"/>
      <c r="AGR18" s="19"/>
      <c r="AGS18" s="19"/>
      <c r="AGT18" s="19"/>
      <c r="AGU18" s="19"/>
      <c r="AGV18" s="19"/>
      <c r="AGW18" s="19"/>
      <c r="AGX18" s="19"/>
      <c r="AGY18" s="19"/>
      <c r="AGZ18" s="19"/>
      <c r="AHA18" s="19"/>
      <c r="AHB18" s="19"/>
      <c r="AHC18" s="19"/>
      <c r="AHD18" s="19"/>
      <c r="AHE18" s="19"/>
      <c r="AHF18" s="19"/>
      <c r="AHG18" s="19"/>
      <c r="AHH18" s="19"/>
      <c r="AHI18" s="19"/>
      <c r="AHJ18" s="19"/>
      <c r="AHK18" s="19"/>
      <c r="AHL18" s="19"/>
      <c r="AHM18" s="19"/>
      <c r="AHN18" s="19"/>
      <c r="AHO18" s="19"/>
      <c r="AHP18" s="19"/>
      <c r="AHQ18" s="19"/>
      <c r="AHR18" s="19"/>
      <c r="AHS18" s="19"/>
      <c r="AHT18" s="19"/>
      <c r="AHU18" s="19"/>
      <c r="AHV18" s="19"/>
      <c r="AHW18" s="19"/>
      <c r="AHX18" s="19"/>
      <c r="AHY18" s="19"/>
      <c r="AHZ18" s="19"/>
      <c r="AIA18" s="19"/>
      <c r="AIB18" s="19"/>
      <c r="AIC18" s="19"/>
      <c r="AID18" s="19"/>
      <c r="AIE18" s="19"/>
      <c r="AIF18" s="19"/>
      <c r="AIG18" s="19"/>
      <c r="AIH18" s="19"/>
      <c r="AII18" s="19"/>
      <c r="AIJ18" s="19"/>
      <c r="AIK18" s="19"/>
      <c r="AIL18" s="19"/>
      <c r="AIM18" s="19"/>
      <c r="AIN18" s="19"/>
      <c r="AIO18" s="19"/>
      <c r="AIP18" s="19"/>
      <c r="AIQ18" s="19"/>
      <c r="AIR18" s="19"/>
      <c r="AIS18" s="19"/>
      <c r="AIT18" s="19"/>
      <c r="AIU18" s="19"/>
      <c r="AIV18" s="19"/>
      <c r="AIW18" s="19"/>
      <c r="AIX18" s="19"/>
      <c r="AIY18" s="19"/>
      <c r="AIZ18" s="19"/>
      <c r="AJA18" s="19"/>
      <c r="AJB18" s="19"/>
      <c r="AJC18" s="19"/>
      <c r="AJD18" s="19"/>
      <c r="AJE18" s="19"/>
      <c r="AJF18" s="19"/>
      <c r="AJG18" s="19"/>
      <c r="AJH18" s="19"/>
      <c r="AJI18" s="19"/>
      <c r="AJJ18" s="19"/>
      <c r="AJK18" s="19"/>
      <c r="AJL18" s="19"/>
      <c r="AJM18" s="19"/>
      <c r="AJN18" s="19"/>
      <c r="AJO18" s="19"/>
      <c r="AJP18" s="19"/>
      <c r="AJQ18" s="19"/>
      <c r="AJR18" s="19"/>
      <c r="AJS18" s="19"/>
      <c r="AJT18" s="19"/>
      <c r="AJU18" s="19"/>
      <c r="AJV18" s="19"/>
      <c r="AJW18" s="19"/>
      <c r="AJX18" s="19"/>
      <c r="AJY18" s="19"/>
      <c r="AJZ18" s="19"/>
      <c r="AKA18" s="19"/>
      <c r="AKB18" s="19"/>
      <c r="AKC18" s="19"/>
      <c r="AKD18" s="19"/>
      <c r="AKE18" s="19"/>
      <c r="AKF18" s="19"/>
      <c r="AKG18" s="19"/>
      <c r="AKH18" s="19"/>
      <c r="AKI18" s="19"/>
      <c r="AKJ18" s="19"/>
      <c r="AKK18" s="19"/>
      <c r="AKL18" s="19"/>
      <c r="AKM18" s="19"/>
      <c r="AKN18" s="19"/>
      <c r="AKO18" s="19"/>
      <c r="AKP18" s="19"/>
      <c r="AKQ18" s="19"/>
      <c r="AKR18" s="19"/>
      <c r="AKS18" s="19"/>
      <c r="AKT18" s="19"/>
      <c r="AKU18" s="19"/>
      <c r="AKV18" s="19"/>
      <c r="AKW18" s="19"/>
      <c r="AKX18" s="19"/>
      <c r="AKY18" s="19"/>
      <c r="AKZ18" s="19"/>
      <c r="ALA18" s="19"/>
      <c r="ALB18" s="19"/>
      <c r="ALC18" s="19"/>
      <c r="ALD18" s="19"/>
      <c r="ALE18" s="19"/>
      <c r="ALF18" s="19"/>
      <c r="ALG18" s="19"/>
      <c r="ALH18" s="19"/>
      <c r="ALI18" s="19"/>
      <c r="ALJ18" s="19"/>
      <c r="ALK18" s="19"/>
      <c r="ALL18" s="19"/>
      <c r="ALM18" s="19"/>
      <c r="ALN18" s="19"/>
      <c r="ALO18" s="19"/>
      <c r="ALP18" s="19"/>
      <c r="ALQ18" s="19"/>
      <c r="ALR18" s="19"/>
      <c r="ALS18" s="19"/>
      <c r="ALT18" s="19"/>
      <c r="ALU18" s="19"/>
      <c r="ALV18" s="19"/>
      <c r="ALW18" s="19"/>
      <c r="ALX18" s="19"/>
      <c r="ALY18" s="19"/>
      <c r="ALZ18" s="19"/>
      <c r="AMA18" s="19"/>
      <c r="AMB18" s="19"/>
      <c r="AMC18" s="19"/>
      <c r="AMD18" s="19"/>
      <c r="AME18" s="19"/>
      <c r="AMF18" s="19"/>
      <c r="AMG18" s="19"/>
      <c r="AMH18" s="19"/>
      <c r="AMI18" s="19"/>
      <c r="AMJ18" s="19"/>
      <c r="AMK18" s="19"/>
      <c r="AML18" s="19"/>
      <c r="AMM18" s="19"/>
      <c r="AMN18" s="19"/>
      <c r="AMO18" s="19"/>
      <c r="AMP18" s="19"/>
      <c r="AMQ18" s="19"/>
      <c r="AMR18" s="19"/>
      <c r="AMS18" s="19"/>
      <c r="AMT18" s="19"/>
      <c r="AMU18" s="19"/>
      <c r="AMV18" s="19"/>
      <c r="AMW18" s="19"/>
      <c r="AMX18" s="19"/>
      <c r="AMY18" s="19"/>
      <c r="AMZ18" s="19"/>
      <c r="ANA18" s="19"/>
      <c r="ANB18" s="19"/>
      <c r="ANC18" s="19"/>
      <c r="AND18" s="19"/>
      <c r="ANE18" s="19"/>
      <c r="ANF18" s="19"/>
      <c r="ANG18" s="19"/>
      <c r="ANH18" s="19"/>
      <c r="ANI18" s="19"/>
      <c r="ANJ18" s="19"/>
      <c r="ANK18" s="19"/>
      <c r="ANL18" s="19"/>
      <c r="ANM18" s="19"/>
      <c r="ANN18" s="19"/>
      <c r="ANO18" s="19"/>
      <c r="ANP18" s="19"/>
      <c r="ANQ18" s="19"/>
      <c r="ANR18" s="19"/>
      <c r="ANS18" s="19"/>
      <c r="ANT18" s="19"/>
      <c r="ANU18" s="19"/>
      <c r="ANV18" s="19"/>
      <c r="ANW18" s="19"/>
      <c r="ANX18" s="19"/>
      <c r="ANY18" s="19"/>
      <c r="ANZ18" s="19"/>
      <c r="AOA18" s="19"/>
      <c r="AOB18" s="19"/>
      <c r="AOC18" s="19"/>
      <c r="AOD18" s="19"/>
      <c r="AOE18" s="19"/>
      <c r="AOF18" s="19"/>
      <c r="AOG18" s="19"/>
      <c r="AOH18" s="19"/>
      <c r="AOI18" s="19"/>
      <c r="AOJ18" s="19"/>
      <c r="AOK18" s="19"/>
      <c r="AOL18" s="19"/>
      <c r="AOM18" s="19"/>
      <c r="AON18" s="19"/>
      <c r="AOO18" s="19"/>
      <c r="AOP18" s="19"/>
      <c r="AOQ18" s="19"/>
      <c r="AOR18" s="19"/>
      <c r="AOS18" s="19"/>
      <c r="AOT18" s="19"/>
      <c r="AOU18" s="19"/>
      <c r="AOV18" s="19"/>
      <c r="AOW18" s="19"/>
      <c r="AOX18" s="19"/>
      <c r="AOY18" s="19"/>
      <c r="AOZ18" s="19"/>
      <c r="APA18" s="19"/>
      <c r="APB18" s="19"/>
      <c r="APC18" s="19"/>
      <c r="APD18" s="19"/>
      <c r="APE18" s="19"/>
      <c r="APF18" s="19"/>
      <c r="APG18" s="19"/>
      <c r="APH18" s="19"/>
      <c r="API18" s="19"/>
      <c r="APJ18" s="19"/>
      <c r="APK18" s="19"/>
      <c r="APL18" s="19"/>
      <c r="APM18" s="19"/>
      <c r="APN18" s="19"/>
      <c r="APO18" s="19"/>
      <c r="APP18" s="19"/>
      <c r="APQ18" s="19"/>
      <c r="APR18" s="19"/>
      <c r="APS18" s="19"/>
      <c r="APT18" s="19"/>
      <c r="APU18" s="19"/>
      <c r="APV18" s="19"/>
      <c r="APW18" s="19"/>
      <c r="APX18" s="19"/>
      <c r="APY18" s="19"/>
      <c r="APZ18" s="19"/>
      <c r="AQA18" s="19"/>
      <c r="AQB18" s="19"/>
      <c r="AQC18" s="19"/>
      <c r="AQD18" s="19"/>
      <c r="AQE18" s="19"/>
      <c r="AQF18" s="19"/>
      <c r="AQG18" s="19"/>
      <c r="AQH18" s="19"/>
      <c r="AQI18" s="19"/>
      <c r="AQJ18" s="19"/>
      <c r="AQK18" s="19"/>
      <c r="AQL18" s="19"/>
      <c r="AQM18" s="19"/>
      <c r="AQN18" s="19"/>
      <c r="AQO18" s="19"/>
      <c r="AQP18" s="19"/>
      <c r="AQQ18" s="19"/>
      <c r="AQR18" s="19"/>
      <c r="AQS18" s="19"/>
      <c r="AQT18" s="19"/>
      <c r="AQU18" s="19"/>
      <c r="AQV18" s="19"/>
      <c r="AQW18" s="19"/>
      <c r="AQX18" s="19"/>
      <c r="AQY18" s="19"/>
      <c r="AQZ18" s="19"/>
      <c r="ARA18" s="19"/>
      <c r="ARB18" s="19"/>
      <c r="ARC18" s="19"/>
      <c r="ARD18" s="19"/>
      <c r="ARE18" s="19"/>
      <c r="ARF18" s="19"/>
      <c r="ARG18" s="19"/>
      <c r="ARH18" s="19"/>
      <c r="ARI18" s="19"/>
      <c r="ARJ18" s="19"/>
      <c r="ARK18" s="19"/>
      <c r="ARL18" s="19"/>
      <c r="ARM18" s="19"/>
      <c r="ARN18" s="19"/>
      <c r="ARO18" s="19"/>
      <c r="ARP18" s="19"/>
      <c r="ARQ18" s="19"/>
      <c r="ARR18" s="19"/>
      <c r="ARS18" s="19"/>
      <c r="ART18" s="19"/>
      <c r="ARU18" s="19"/>
      <c r="ARV18" s="19"/>
      <c r="ARW18" s="19"/>
      <c r="ARX18" s="19"/>
      <c r="ARY18" s="19"/>
      <c r="ARZ18" s="19"/>
      <c r="ASA18" s="19"/>
      <c r="ASB18" s="19"/>
      <c r="ASC18" s="19"/>
      <c r="ASD18" s="19"/>
      <c r="ASE18" s="19"/>
      <c r="ASF18" s="19"/>
      <c r="ASG18" s="19"/>
      <c r="ASH18" s="19"/>
      <c r="ASI18" s="19"/>
      <c r="ASJ18" s="19"/>
      <c r="ASK18" s="19"/>
      <c r="ASL18" s="19"/>
      <c r="ASM18" s="19"/>
      <c r="ASN18" s="19"/>
      <c r="ASO18" s="19"/>
      <c r="ASP18" s="19"/>
      <c r="ASQ18" s="19"/>
      <c r="ASR18" s="19"/>
      <c r="ASS18" s="19"/>
      <c r="AST18" s="19"/>
      <c r="ASU18" s="19"/>
      <c r="ASV18" s="19"/>
      <c r="ASW18" s="19"/>
      <c r="ASX18" s="19"/>
      <c r="ASY18" s="19"/>
      <c r="ASZ18" s="19"/>
      <c r="ATA18" s="19"/>
      <c r="ATB18" s="19"/>
      <c r="ATC18" s="19"/>
      <c r="ATD18" s="19"/>
      <c r="ATE18" s="19"/>
      <c r="ATF18" s="19"/>
      <c r="ATG18" s="19"/>
      <c r="ATH18" s="19"/>
      <c r="ATI18" s="19"/>
      <c r="ATJ18" s="19"/>
      <c r="ATK18" s="19"/>
      <c r="ATL18" s="19"/>
      <c r="ATM18" s="19"/>
      <c r="ATN18" s="19"/>
      <c r="ATO18" s="19"/>
      <c r="ATP18" s="19"/>
      <c r="ATQ18" s="19"/>
      <c r="ATR18" s="19"/>
      <c r="ATS18" s="19"/>
      <c r="ATT18" s="19"/>
      <c r="ATU18" s="19"/>
      <c r="ATV18" s="19"/>
      <c r="ATW18" s="19"/>
      <c r="ATX18" s="19"/>
      <c r="ATY18" s="19"/>
      <c r="ATZ18" s="19"/>
      <c r="AUA18" s="19"/>
      <c r="AUB18" s="19"/>
      <c r="AUC18" s="19"/>
      <c r="AUD18" s="19"/>
      <c r="AUE18" s="19"/>
      <c r="AUF18" s="19"/>
      <c r="AUG18" s="19"/>
      <c r="AUH18" s="19"/>
      <c r="AUI18" s="19"/>
      <c r="AUJ18" s="19"/>
      <c r="AUK18" s="19"/>
      <c r="AUL18" s="19"/>
      <c r="AUM18" s="19"/>
      <c r="AUN18" s="19"/>
      <c r="AUO18" s="19"/>
      <c r="AUP18" s="19"/>
      <c r="AUQ18" s="19"/>
      <c r="AUR18" s="19"/>
      <c r="AUS18" s="19"/>
      <c r="AUT18" s="19"/>
      <c r="AUU18" s="19"/>
      <c r="AUV18" s="19"/>
      <c r="AUW18" s="19"/>
      <c r="AUX18" s="19"/>
      <c r="AUY18" s="19"/>
      <c r="AUZ18" s="19"/>
      <c r="AVA18" s="19"/>
      <c r="AVB18" s="19"/>
      <c r="AVC18" s="19"/>
      <c r="AVD18" s="19"/>
      <c r="AVE18" s="19"/>
      <c r="AVF18" s="19"/>
      <c r="AVG18" s="19"/>
      <c r="AVH18" s="19"/>
      <c r="AVI18" s="19"/>
      <c r="AVJ18" s="19"/>
      <c r="AVK18" s="19"/>
      <c r="AVL18" s="19"/>
      <c r="AVM18" s="19"/>
      <c r="AVN18" s="19"/>
      <c r="AVO18" s="19"/>
      <c r="AVP18" s="19"/>
      <c r="AVQ18" s="19"/>
      <c r="AVR18" s="19"/>
      <c r="AVS18" s="19"/>
      <c r="AVT18" s="19"/>
      <c r="AVU18" s="19"/>
      <c r="AVV18" s="19"/>
      <c r="AVW18" s="19"/>
      <c r="AVX18" s="19"/>
      <c r="AVY18" s="19"/>
      <c r="AVZ18" s="19"/>
      <c r="AWA18" s="19"/>
      <c r="AWB18" s="19"/>
      <c r="AWC18" s="19"/>
      <c r="AWD18" s="19"/>
      <c r="AWE18" s="19"/>
      <c r="AWF18" s="19"/>
      <c r="AWG18" s="19"/>
      <c r="AWH18" s="19"/>
      <c r="AWI18" s="19"/>
      <c r="AWJ18" s="19"/>
      <c r="AWK18" s="19"/>
      <c r="AWL18" s="19"/>
      <c r="AWM18" s="19"/>
      <c r="AWN18" s="19"/>
      <c r="AWO18" s="19"/>
      <c r="AWP18" s="19"/>
      <c r="AWQ18" s="19"/>
      <c r="AWR18" s="19"/>
      <c r="AWS18" s="19"/>
      <c r="AWT18" s="19"/>
      <c r="AWU18" s="19"/>
      <c r="AWV18" s="19"/>
      <c r="AWW18" s="19"/>
      <c r="AWX18" s="19"/>
      <c r="AWY18" s="19"/>
      <c r="AWZ18" s="19"/>
      <c r="AXA18" s="19"/>
      <c r="AXB18" s="19"/>
      <c r="AXC18" s="19"/>
      <c r="AXD18" s="19"/>
      <c r="AXE18" s="19"/>
      <c r="AXF18" s="19"/>
      <c r="AXG18" s="19"/>
      <c r="AXH18" s="19"/>
      <c r="AXI18" s="19"/>
      <c r="AXJ18" s="19"/>
      <c r="AXK18" s="19"/>
      <c r="AXL18" s="19"/>
      <c r="AXM18" s="19"/>
      <c r="AXN18" s="19"/>
      <c r="AXO18" s="19"/>
      <c r="AXP18" s="19"/>
      <c r="AXQ18" s="19"/>
      <c r="AXR18" s="19"/>
      <c r="AXS18" s="19"/>
      <c r="AXT18" s="19"/>
      <c r="AXU18" s="19"/>
      <c r="AXV18" s="19"/>
      <c r="AXW18" s="19"/>
      <c r="AXX18" s="19"/>
      <c r="AXY18" s="19"/>
      <c r="AXZ18" s="19"/>
      <c r="AYA18" s="19"/>
      <c r="AYB18" s="19"/>
      <c r="AYC18" s="19"/>
      <c r="AYD18" s="19"/>
      <c r="AYE18" s="19"/>
      <c r="AYF18" s="19"/>
      <c r="AYG18" s="19"/>
      <c r="AYH18" s="19"/>
      <c r="AYI18" s="19"/>
      <c r="AYJ18" s="19"/>
      <c r="AYK18" s="19"/>
      <c r="AYL18" s="19"/>
      <c r="AYM18" s="19"/>
      <c r="AYN18" s="19"/>
      <c r="AYO18" s="19"/>
      <c r="AYP18" s="19"/>
      <c r="AYQ18" s="19"/>
      <c r="AYR18" s="19"/>
      <c r="AYS18" s="19"/>
      <c r="AYT18" s="19"/>
      <c r="AYU18" s="19"/>
      <c r="AYV18" s="19"/>
      <c r="AYW18" s="19"/>
      <c r="AYX18" s="19"/>
      <c r="AYY18" s="19"/>
      <c r="AYZ18" s="19"/>
      <c r="AZA18" s="19"/>
      <c r="AZB18" s="19"/>
      <c r="AZC18" s="19"/>
      <c r="AZD18" s="19"/>
      <c r="AZE18" s="19"/>
      <c r="AZF18" s="19"/>
      <c r="AZG18" s="19"/>
      <c r="AZH18" s="19"/>
      <c r="AZI18" s="19"/>
      <c r="AZJ18" s="19"/>
      <c r="AZK18" s="19"/>
      <c r="AZL18" s="19"/>
      <c r="AZM18" s="19"/>
      <c r="AZN18" s="19"/>
      <c r="AZO18" s="19"/>
      <c r="AZP18" s="19"/>
      <c r="AZQ18" s="19"/>
      <c r="AZR18" s="19"/>
      <c r="AZS18" s="19"/>
      <c r="AZT18" s="19"/>
      <c r="AZU18" s="19"/>
      <c r="AZV18" s="19"/>
      <c r="AZW18" s="19"/>
      <c r="AZX18" s="19"/>
      <c r="AZY18" s="19"/>
      <c r="AZZ18" s="19"/>
      <c r="BAA18" s="19"/>
      <c r="BAB18" s="19"/>
      <c r="BAC18" s="19"/>
      <c r="BAD18" s="19"/>
      <c r="BAE18" s="19"/>
      <c r="BAF18" s="19"/>
      <c r="BAG18" s="19"/>
      <c r="BAH18" s="19"/>
      <c r="BAI18" s="19"/>
      <c r="BAJ18" s="19"/>
      <c r="BAK18" s="19"/>
      <c r="BAL18" s="19"/>
      <c r="BAM18" s="19"/>
      <c r="BAN18" s="19"/>
      <c r="BAO18" s="19"/>
      <c r="BAP18" s="19"/>
      <c r="BAQ18" s="19"/>
      <c r="BAR18" s="19"/>
      <c r="BAS18" s="19"/>
      <c r="BAT18" s="19"/>
      <c r="BAU18" s="19"/>
      <c r="BAV18" s="19"/>
      <c r="BAW18" s="19"/>
      <c r="BAX18" s="19"/>
      <c r="BAY18" s="19"/>
      <c r="BAZ18" s="19"/>
      <c r="BBA18" s="19"/>
      <c r="BBB18" s="19"/>
      <c r="BBC18" s="19"/>
      <c r="BBD18" s="19"/>
      <c r="BBE18" s="19"/>
      <c r="BBF18" s="19"/>
      <c r="BBG18" s="19"/>
      <c r="BBH18" s="19"/>
      <c r="BBI18" s="19"/>
      <c r="BBJ18" s="19"/>
      <c r="BBK18" s="19"/>
      <c r="BBL18" s="19"/>
      <c r="BBM18" s="19"/>
      <c r="BBN18" s="19"/>
    </row>
    <row r="19" spans="1:1418" ht="15" customHeight="1" x14ac:dyDescent="0.2">
      <c r="A19" s="181" t="s">
        <v>72</v>
      </c>
      <c r="B19" s="168"/>
      <c r="C19" s="112" t="s">
        <v>77</v>
      </c>
      <c r="D19" s="112"/>
      <c r="E19" s="29"/>
      <c r="F19" s="168"/>
      <c r="G19" s="168"/>
      <c r="H19" s="168"/>
      <c r="I19" s="168"/>
      <c r="J19" s="171"/>
    </row>
    <row r="20" spans="1:1418" ht="15" customHeight="1" x14ac:dyDescent="0.2">
      <c r="A20" s="182"/>
      <c r="B20" s="169"/>
      <c r="C20" s="113" t="s">
        <v>73</v>
      </c>
      <c r="D20" s="113"/>
      <c r="E20" s="29"/>
      <c r="F20" s="169"/>
      <c r="G20" s="169"/>
      <c r="H20" s="169"/>
      <c r="I20" s="169"/>
      <c r="J20" s="172"/>
    </row>
    <row r="21" spans="1:1418" ht="15" customHeight="1" x14ac:dyDescent="0.2">
      <c r="A21" s="182"/>
      <c r="B21" s="169"/>
      <c r="C21" s="113" t="s">
        <v>74</v>
      </c>
      <c r="D21" s="113"/>
      <c r="E21" s="29"/>
      <c r="F21" s="169"/>
      <c r="G21" s="169"/>
      <c r="H21" s="169"/>
      <c r="I21" s="169"/>
      <c r="J21" s="172"/>
    </row>
    <row r="22" spans="1:1418" ht="15" customHeight="1" x14ac:dyDescent="0.2">
      <c r="A22" s="182"/>
      <c r="B22" s="169"/>
      <c r="C22" s="113" t="s">
        <v>75</v>
      </c>
      <c r="D22" s="113"/>
      <c r="E22" s="29"/>
      <c r="F22" s="169"/>
      <c r="G22" s="169"/>
      <c r="H22" s="169"/>
      <c r="I22" s="169"/>
      <c r="J22" s="172"/>
    </row>
    <row r="23" spans="1:1418" ht="15" customHeight="1" x14ac:dyDescent="0.2">
      <c r="A23" s="182"/>
      <c r="B23" s="169"/>
      <c r="C23" s="113" t="s">
        <v>76</v>
      </c>
      <c r="D23" s="113"/>
      <c r="E23" s="29"/>
      <c r="F23" s="169"/>
      <c r="G23" s="169"/>
      <c r="H23" s="169"/>
      <c r="I23" s="169"/>
      <c r="J23" s="172"/>
    </row>
    <row r="24" spans="1:1418" ht="15" customHeight="1" x14ac:dyDescent="0.2">
      <c r="A24" s="182"/>
      <c r="B24" s="169"/>
      <c r="C24" s="113" t="s">
        <v>78</v>
      </c>
      <c r="D24" s="113"/>
      <c r="E24" s="29"/>
      <c r="F24" s="169"/>
      <c r="G24" s="169"/>
      <c r="H24" s="169"/>
      <c r="I24" s="169"/>
      <c r="J24" s="172"/>
    </row>
    <row r="25" spans="1:1418" ht="15" customHeight="1" x14ac:dyDescent="0.2">
      <c r="A25" s="182"/>
      <c r="B25" s="169"/>
      <c r="C25" s="111" t="s">
        <v>79</v>
      </c>
      <c r="D25" s="114"/>
      <c r="E25" s="110"/>
      <c r="F25" s="169"/>
      <c r="G25" s="169"/>
      <c r="H25" s="169"/>
      <c r="I25" s="169"/>
      <c r="J25" s="172"/>
    </row>
    <row r="26" spans="1:1418" ht="20.399999999999999" customHeight="1" x14ac:dyDescent="0.2">
      <c r="A26" s="182"/>
      <c r="B26" s="169"/>
      <c r="C26" s="115"/>
      <c r="D26" s="116" t="s">
        <v>93</v>
      </c>
      <c r="E26" s="109"/>
      <c r="F26" s="169"/>
      <c r="G26" s="169"/>
      <c r="H26" s="169"/>
      <c r="I26" s="169"/>
      <c r="J26" s="172"/>
    </row>
    <row r="27" spans="1:1418" ht="15" customHeight="1" x14ac:dyDescent="0.2">
      <c r="A27" s="182"/>
      <c r="B27" s="169"/>
      <c r="C27" s="147" t="s">
        <v>80</v>
      </c>
      <c r="D27" s="148"/>
      <c r="E27" s="29"/>
      <c r="F27" s="169"/>
      <c r="G27" s="169"/>
      <c r="H27" s="169"/>
      <c r="I27" s="169"/>
      <c r="J27" s="172"/>
    </row>
    <row r="28" spans="1:1418" ht="15" customHeight="1" x14ac:dyDescent="0.2">
      <c r="A28" s="183"/>
      <c r="B28" s="170"/>
      <c r="C28" s="149" t="s">
        <v>81</v>
      </c>
      <c r="D28" s="150"/>
      <c r="E28" s="29"/>
      <c r="F28" s="170"/>
      <c r="G28" s="170"/>
      <c r="H28" s="170"/>
      <c r="I28" s="170"/>
      <c r="J28" s="173"/>
    </row>
    <row r="29" spans="1:1418" ht="15" customHeight="1" x14ac:dyDescent="0.2">
      <c r="A29" s="181" t="s">
        <v>82</v>
      </c>
      <c r="B29" s="168"/>
      <c r="C29" s="151" t="s">
        <v>84</v>
      </c>
      <c r="D29" s="152"/>
      <c r="E29" s="29"/>
      <c r="F29" s="168"/>
      <c r="G29" s="168"/>
      <c r="H29" s="168"/>
      <c r="I29" s="168"/>
      <c r="J29" s="171"/>
    </row>
    <row r="30" spans="1:1418" ht="15" customHeight="1" x14ac:dyDescent="0.2">
      <c r="A30" s="182"/>
      <c r="B30" s="169"/>
      <c r="C30" s="192" t="s">
        <v>85</v>
      </c>
      <c r="D30" s="193"/>
      <c r="E30" s="29"/>
      <c r="F30" s="169"/>
      <c r="G30" s="169"/>
      <c r="H30" s="169"/>
      <c r="I30" s="169"/>
      <c r="J30" s="172"/>
    </row>
    <row r="31" spans="1:1418" ht="15" customHeight="1" x14ac:dyDescent="0.2">
      <c r="A31" s="182"/>
      <c r="B31" s="169"/>
      <c r="C31" s="192" t="s">
        <v>86</v>
      </c>
      <c r="D31" s="193"/>
      <c r="E31" s="29"/>
      <c r="F31" s="169"/>
      <c r="G31" s="169"/>
      <c r="H31" s="169"/>
      <c r="I31" s="169"/>
      <c r="J31" s="172"/>
    </row>
    <row r="32" spans="1:1418" ht="15" customHeight="1" x14ac:dyDescent="0.2">
      <c r="A32" s="183"/>
      <c r="B32" s="170"/>
      <c r="C32" s="149" t="s">
        <v>81</v>
      </c>
      <c r="D32" s="150"/>
      <c r="E32" s="29"/>
      <c r="F32" s="170"/>
      <c r="G32" s="170"/>
      <c r="H32" s="170"/>
      <c r="I32" s="170"/>
      <c r="J32" s="173"/>
    </row>
    <row r="33" spans="1:1418" ht="15" customHeight="1" x14ac:dyDescent="0.2">
      <c r="A33" s="181" t="s">
        <v>83</v>
      </c>
      <c r="B33" s="168"/>
      <c r="C33" s="151" t="s">
        <v>87</v>
      </c>
      <c r="D33" s="152"/>
      <c r="E33" s="29"/>
      <c r="F33" s="168"/>
      <c r="G33" s="168"/>
      <c r="H33" s="168"/>
      <c r="I33" s="168"/>
      <c r="J33" s="171"/>
    </row>
    <row r="34" spans="1:1418" ht="15" customHeight="1" x14ac:dyDescent="0.2">
      <c r="A34" s="182"/>
      <c r="B34" s="169"/>
      <c r="C34" s="194" t="s">
        <v>88</v>
      </c>
      <c r="D34" s="195"/>
      <c r="E34" s="54"/>
      <c r="F34" s="169"/>
      <c r="G34" s="169"/>
      <c r="H34" s="169"/>
      <c r="I34" s="169"/>
      <c r="J34" s="172"/>
    </row>
    <row r="35" spans="1:1418" ht="15" customHeight="1" x14ac:dyDescent="0.2">
      <c r="A35" s="182"/>
      <c r="B35" s="169"/>
      <c r="C35" s="194" t="s">
        <v>89</v>
      </c>
      <c r="D35" s="195"/>
      <c r="E35" s="54"/>
      <c r="F35" s="169"/>
      <c r="G35" s="169"/>
      <c r="H35" s="169"/>
      <c r="I35" s="169"/>
      <c r="J35" s="172"/>
    </row>
    <row r="36" spans="1:1418" ht="15" customHeight="1" x14ac:dyDescent="0.2">
      <c r="A36" s="183"/>
      <c r="B36" s="170"/>
      <c r="C36" s="149" t="s">
        <v>81</v>
      </c>
      <c r="D36" s="150"/>
      <c r="E36" s="54"/>
      <c r="F36" s="170"/>
      <c r="G36" s="170"/>
      <c r="H36" s="170"/>
      <c r="I36" s="170"/>
      <c r="J36" s="173"/>
    </row>
    <row r="37" spans="1:1418" s="33" customFormat="1" ht="18" customHeight="1" x14ac:dyDescent="0.2">
      <c r="A37" s="30" t="s">
        <v>28</v>
      </c>
      <c r="B37" s="31"/>
      <c r="C37" s="131" t="s">
        <v>18</v>
      </c>
      <c r="D37" s="132"/>
      <c r="E37" s="31"/>
      <c r="F37" s="31"/>
      <c r="G37" s="31"/>
      <c r="H37" s="31"/>
      <c r="I37" s="31"/>
      <c r="J37" s="32"/>
      <c r="K37" s="15"/>
      <c r="L37" s="15"/>
      <c r="M37" s="15"/>
      <c r="N37" s="15"/>
      <c r="O37" s="15"/>
      <c r="P37" s="15"/>
      <c r="Q37" s="15"/>
      <c r="R37" s="15"/>
      <c r="S37" s="15"/>
      <c r="T37" s="15"/>
      <c r="U37" s="15"/>
      <c r="V37" s="15"/>
      <c r="W37" s="15"/>
      <c r="X37" s="15"/>
      <c r="Y37" s="15"/>
      <c r="Z37" s="15"/>
      <c r="AA37" s="15"/>
      <c r="AB37" s="15"/>
      <c r="AC37" s="15"/>
      <c r="AD37" s="15"/>
      <c r="AE37" s="15"/>
      <c r="AF37" s="15"/>
      <c r="AG37" s="15"/>
      <c r="AH37" s="15"/>
      <c r="AI37" s="15"/>
      <c r="AJ37" s="15"/>
      <c r="AK37" s="15"/>
      <c r="AL37" s="15"/>
      <c r="AM37" s="15"/>
      <c r="AN37" s="15"/>
      <c r="AO37" s="15"/>
      <c r="AP37" s="15"/>
      <c r="AQ37" s="15"/>
      <c r="AR37" s="15"/>
      <c r="AS37" s="15"/>
      <c r="AT37" s="15"/>
      <c r="AU37" s="15"/>
      <c r="AV37" s="15"/>
      <c r="AW37" s="15"/>
      <c r="AX37" s="15"/>
      <c r="AY37" s="15"/>
      <c r="AZ37" s="15"/>
      <c r="BA37" s="15"/>
      <c r="BB37" s="15"/>
      <c r="BC37" s="15"/>
      <c r="BD37" s="15"/>
      <c r="BE37" s="15"/>
      <c r="BF37" s="15"/>
      <c r="BG37" s="15"/>
      <c r="BH37" s="15"/>
      <c r="BI37" s="15"/>
      <c r="BJ37" s="15"/>
      <c r="BK37" s="15"/>
      <c r="BL37" s="15"/>
      <c r="BM37" s="15"/>
      <c r="BN37" s="15"/>
      <c r="BO37" s="15"/>
      <c r="BP37" s="15"/>
      <c r="BQ37" s="15"/>
      <c r="BR37" s="15"/>
      <c r="BS37" s="15"/>
      <c r="BT37" s="15"/>
      <c r="BU37" s="15"/>
      <c r="BV37" s="15"/>
      <c r="BW37" s="15"/>
      <c r="BX37" s="15"/>
      <c r="BY37" s="15"/>
      <c r="BZ37" s="15"/>
      <c r="CA37" s="15"/>
      <c r="CB37" s="15"/>
      <c r="CC37" s="15"/>
      <c r="CD37" s="15"/>
      <c r="CE37" s="15"/>
      <c r="CF37" s="15"/>
      <c r="CG37" s="15"/>
      <c r="CH37" s="15"/>
      <c r="CI37" s="15"/>
      <c r="CJ37" s="15"/>
      <c r="CK37" s="15"/>
      <c r="CL37" s="15"/>
      <c r="CM37" s="15"/>
      <c r="CN37" s="15"/>
      <c r="CO37" s="15"/>
      <c r="CP37" s="15"/>
      <c r="CQ37" s="15"/>
      <c r="CR37" s="15"/>
      <c r="CS37" s="15"/>
      <c r="CT37" s="15"/>
      <c r="CU37" s="15"/>
      <c r="CV37" s="15"/>
      <c r="CW37" s="15"/>
      <c r="CX37" s="15"/>
      <c r="CY37" s="15"/>
      <c r="CZ37" s="15"/>
      <c r="DA37" s="15"/>
      <c r="DB37" s="15"/>
      <c r="DC37" s="15"/>
      <c r="DD37" s="15"/>
      <c r="DE37" s="15"/>
      <c r="DF37" s="15"/>
      <c r="DG37" s="15"/>
      <c r="DH37" s="15"/>
      <c r="DI37" s="15"/>
      <c r="DJ37" s="15"/>
      <c r="DK37" s="15"/>
      <c r="DL37" s="15"/>
      <c r="DM37" s="15"/>
      <c r="DN37" s="15"/>
      <c r="DO37" s="15"/>
      <c r="DP37" s="15"/>
      <c r="DQ37" s="15"/>
      <c r="DR37" s="15"/>
      <c r="DS37" s="15"/>
      <c r="DT37" s="15"/>
      <c r="DU37" s="15"/>
      <c r="DV37" s="15"/>
      <c r="DW37" s="15"/>
      <c r="DX37" s="15"/>
      <c r="DY37" s="15"/>
      <c r="DZ37" s="15"/>
      <c r="EA37" s="15"/>
      <c r="EB37" s="15"/>
      <c r="EC37" s="15"/>
      <c r="ED37" s="15"/>
      <c r="EE37" s="15"/>
      <c r="EF37" s="15"/>
      <c r="EG37" s="15"/>
      <c r="EH37" s="15"/>
      <c r="EI37" s="15"/>
      <c r="EJ37" s="15"/>
      <c r="EK37" s="15"/>
      <c r="EL37" s="15"/>
      <c r="EM37" s="15"/>
      <c r="EN37" s="15"/>
      <c r="EO37" s="15"/>
      <c r="EP37" s="15"/>
      <c r="EQ37" s="15"/>
      <c r="ER37" s="15"/>
      <c r="ES37" s="15"/>
      <c r="ET37" s="15"/>
      <c r="EU37" s="15"/>
      <c r="EV37" s="15"/>
      <c r="EW37" s="15"/>
      <c r="EX37" s="15"/>
      <c r="EY37" s="15"/>
      <c r="EZ37" s="15"/>
      <c r="FA37" s="15"/>
      <c r="FB37" s="15"/>
      <c r="FC37" s="15"/>
      <c r="FD37" s="15"/>
      <c r="FE37" s="15"/>
      <c r="FF37" s="15"/>
      <c r="FG37" s="15"/>
      <c r="FH37" s="15"/>
      <c r="FI37" s="15"/>
      <c r="FJ37" s="15"/>
      <c r="FK37" s="15"/>
      <c r="FL37" s="15"/>
      <c r="FM37" s="15"/>
      <c r="FN37" s="15"/>
      <c r="FO37" s="15"/>
      <c r="FP37" s="15"/>
      <c r="FQ37" s="15"/>
      <c r="FR37" s="15"/>
      <c r="FS37" s="15"/>
      <c r="FT37" s="15"/>
      <c r="FU37" s="15"/>
      <c r="FV37" s="15"/>
      <c r="FW37" s="15"/>
      <c r="FX37" s="15"/>
      <c r="FY37" s="15"/>
      <c r="FZ37" s="15"/>
      <c r="GA37" s="15"/>
      <c r="GB37" s="15"/>
      <c r="GC37" s="15"/>
      <c r="GD37" s="15"/>
      <c r="GE37" s="15"/>
      <c r="GF37" s="15"/>
      <c r="GG37" s="15"/>
      <c r="GH37" s="15"/>
      <c r="GI37" s="15"/>
      <c r="GJ37" s="15"/>
      <c r="GK37" s="15"/>
      <c r="GL37" s="15"/>
      <c r="GM37" s="15"/>
      <c r="GN37" s="15"/>
      <c r="GO37" s="15"/>
      <c r="GP37" s="15"/>
      <c r="GQ37" s="15"/>
      <c r="GR37" s="15"/>
      <c r="GS37" s="15"/>
      <c r="GT37" s="15"/>
      <c r="GU37" s="15"/>
      <c r="GV37" s="15"/>
      <c r="GW37" s="15"/>
      <c r="GX37" s="15"/>
      <c r="GY37" s="15"/>
      <c r="GZ37" s="15"/>
      <c r="HA37" s="15"/>
      <c r="HB37" s="15"/>
      <c r="HC37" s="15"/>
      <c r="HD37" s="15"/>
      <c r="HE37" s="15"/>
      <c r="HF37" s="15"/>
      <c r="HG37" s="15"/>
      <c r="HH37" s="15"/>
      <c r="HI37" s="15"/>
      <c r="HJ37" s="15"/>
      <c r="HK37" s="15"/>
      <c r="HL37" s="15"/>
      <c r="HM37" s="15"/>
      <c r="HN37" s="15"/>
      <c r="HO37" s="15"/>
      <c r="HP37" s="15"/>
      <c r="HQ37" s="15"/>
      <c r="HR37" s="15"/>
      <c r="HS37" s="15"/>
      <c r="HT37" s="15"/>
      <c r="HU37" s="15"/>
      <c r="HV37" s="15"/>
      <c r="HW37" s="15"/>
      <c r="HX37" s="15"/>
      <c r="HY37" s="15"/>
      <c r="HZ37" s="15"/>
      <c r="IA37" s="15"/>
      <c r="IB37" s="15"/>
      <c r="IC37" s="15"/>
      <c r="ID37" s="15"/>
      <c r="IE37" s="15"/>
      <c r="IF37" s="15"/>
      <c r="IG37" s="15"/>
      <c r="IH37" s="15"/>
      <c r="II37" s="15"/>
      <c r="IJ37" s="15"/>
      <c r="IK37" s="15"/>
      <c r="IL37" s="15"/>
      <c r="IM37" s="15"/>
      <c r="IN37" s="15"/>
      <c r="IO37" s="15"/>
      <c r="IP37" s="15"/>
      <c r="IQ37" s="15"/>
      <c r="IR37" s="15"/>
      <c r="IS37" s="15"/>
      <c r="IT37" s="15"/>
      <c r="IU37" s="15"/>
      <c r="IV37" s="15"/>
      <c r="IW37" s="15"/>
      <c r="IX37" s="15"/>
      <c r="IY37" s="15"/>
      <c r="IZ37" s="15"/>
      <c r="JA37" s="15"/>
      <c r="JB37" s="15"/>
      <c r="JC37" s="15"/>
      <c r="JD37" s="15"/>
      <c r="JE37" s="15"/>
      <c r="JF37" s="15"/>
      <c r="JG37" s="15"/>
      <c r="JH37" s="15"/>
      <c r="JI37" s="15"/>
      <c r="JJ37" s="15"/>
      <c r="JK37" s="15"/>
      <c r="JL37" s="15"/>
      <c r="JM37" s="15"/>
      <c r="JN37" s="15"/>
      <c r="JO37" s="15"/>
      <c r="JP37" s="15"/>
      <c r="JQ37" s="15"/>
      <c r="JR37" s="15"/>
      <c r="JS37" s="15"/>
      <c r="JT37" s="15"/>
      <c r="JU37" s="15"/>
      <c r="JV37" s="15"/>
      <c r="JW37" s="15"/>
      <c r="JX37" s="15"/>
      <c r="JY37" s="15"/>
      <c r="JZ37" s="15"/>
      <c r="KA37" s="15"/>
      <c r="KB37" s="15"/>
      <c r="KC37" s="15"/>
      <c r="KD37" s="15"/>
      <c r="KE37" s="15"/>
      <c r="KF37" s="15"/>
      <c r="KG37" s="15"/>
      <c r="KH37" s="15"/>
      <c r="KI37" s="15"/>
      <c r="KJ37" s="15"/>
      <c r="KK37" s="15"/>
      <c r="KL37" s="15"/>
      <c r="KM37" s="15"/>
      <c r="KN37" s="15"/>
      <c r="KO37" s="15"/>
      <c r="KP37" s="15"/>
      <c r="KQ37" s="15"/>
      <c r="KR37" s="15"/>
      <c r="KS37" s="15"/>
      <c r="KT37" s="15"/>
      <c r="KU37" s="15"/>
      <c r="KV37" s="15"/>
      <c r="KW37" s="15"/>
      <c r="KX37" s="15"/>
      <c r="KY37" s="15"/>
      <c r="KZ37" s="15"/>
      <c r="LA37" s="15"/>
      <c r="LB37" s="15"/>
      <c r="LC37" s="15"/>
      <c r="LD37" s="15"/>
      <c r="LE37" s="15"/>
      <c r="LF37" s="15"/>
      <c r="LG37" s="15"/>
      <c r="LH37" s="15"/>
      <c r="LI37" s="15"/>
      <c r="LJ37" s="15"/>
      <c r="LK37" s="15"/>
      <c r="LL37" s="15"/>
      <c r="LM37" s="15"/>
      <c r="LN37" s="15"/>
      <c r="LO37" s="15"/>
      <c r="LP37" s="15"/>
      <c r="LQ37" s="15"/>
      <c r="LR37" s="15"/>
      <c r="LS37" s="15"/>
      <c r="LT37" s="15"/>
      <c r="LU37" s="15"/>
      <c r="LV37" s="15"/>
      <c r="LW37" s="15"/>
      <c r="LX37" s="15"/>
      <c r="LY37" s="15"/>
      <c r="LZ37" s="15"/>
      <c r="MA37" s="15"/>
      <c r="MB37" s="15"/>
      <c r="MC37" s="15"/>
      <c r="MD37" s="15"/>
      <c r="ME37" s="15"/>
      <c r="MF37" s="15"/>
      <c r="MG37" s="15"/>
      <c r="MH37" s="15"/>
      <c r="MI37" s="15"/>
      <c r="MJ37" s="15"/>
      <c r="MK37" s="15"/>
      <c r="ML37" s="15"/>
      <c r="MM37" s="15"/>
      <c r="MN37" s="15"/>
      <c r="MO37" s="15"/>
      <c r="MP37" s="15"/>
      <c r="MQ37" s="15"/>
      <c r="MR37" s="15"/>
      <c r="MS37" s="15"/>
      <c r="MT37" s="15"/>
      <c r="MU37" s="15"/>
      <c r="MV37" s="15"/>
      <c r="MW37" s="15"/>
      <c r="MX37" s="15"/>
      <c r="MY37" s="15"/>
      <c r="MZ37" s="15"/>
      <c r="NA37" s="15"/>
      <c r="NB37" s="15"/>
      <c r="NC37" s="15"/>
      <c r="ND37" s="15"/>
      <c r="NE37" s="15"/>
      <c r="NF37" s="15"/>
      <c r="NG37" s="15"/>
      <c r="NH37" s="15"/>
      <c r="NI37" s="15"/>
      <c r="NJ37" s="15"/>
      <c r="NK37" s="15"/>
      <c r="NL37" s="15"/>
      <c r="NM37" s="15"/>
      <c r="NN37" s="15"/>
      <c r="NO37" s="15"/>
      <c r="NP37" s="15"/>
      <c r="NQ37" s="15"/>
      <c r="NR37" s="15"/>
      <c r="NS37" s="15"/>
      <c r="NT37" s="15"/>
      <c r="NU37" s="15"/>
      <c r="NV37" s="15"/>
      <c r="NW37" s="15"/>
      <c r="NX37" s="15"/>
      <c r="NY37" s="15"/>
      <c r="NZ37" s="15"/>
      <c r="OA37" s="15"/>
      <c r="OB37" s="15"/>
      <c r="OC37" s="15"/>
      <c r="OD37" s="15"/>
      <c r="OE37" s="15"/>
      <c r="OF37" s="15"/>
      <c r="OG37" s="15"/>
      <c r="OH37" s="15"/>
      <c r="OI37" s="15"/>
      <c r="OJ37" s="15"/>
      <c r="OK37" s="15"/>
      <c r="OL37" s="15"/>
      <c r="OM37" s="15"/>
      <c r="ON37" s="15"/>
      <c r="OO37" s="15"/>
      <c r="OP37" s="15"/>
      <c r="OQ37" s="15"/>
      <c r="OR37" s="15"/>
      <c r="OS37" s="15"/>
      <c r="OT37" s="15"/>
      <c r="OU37" s="15"/>
      <c r="OV37" s="15"/>
      <c r="OW37" s="15"/>
      <c r="OX37" s="15"/>
      <c r="OY37" s="15"/>
      <c r="OZ37" s="15"/>
      <c r="PA37" s="15"/>
      <c r="PB37" s="15"/>
      <c r="PC37" s="15"/>
      <c r="PD37" s="15"/>
      <c r="PE37" s="15"/>
      <c r="PF37" s="15"/>
      <c r="PG37" s="15"/>
      <c r="PH37" s="15"/>
      <c r="PI37" s="15"/>
      <c r="PJ37" s="15"/>
      <c r="PK37" s="15"/>
      <c r="PL37" s="15"/>
      <c r="PM37" s="15"/>
      <c r="PN37" s="15"/>
      <c r="PO37" s="15"/>
      <c r="PP37" s="15"/>
      <c r="PQ37" s="15"/>
      <c r="PR37" s="15"/>
      <c r="PS37" s="15"/>
      <c r="PT37" s="15"/>
      <c r="PU37" s="15"/>
      <c r="PV37" s="15"/>
      <c r="PW37" s="15"/>
      <c r="PX37" s="15"/>
      <c r="PY37" s="15"/>
      <c r="PZ37" s="15"/>
      <c r="QA37" s="15"/>
      <c r="QB37" s="15"/>
      <c r="QC37" s="15"/>
      <c r="QD37" s="15"/>
      <c r="QE37" s="15"/>
      <c r="QF37" s="15"/>
      <c r="QG37" s="15"/>
      <c r="QH37" s="15"/>
      <c r="QI37" s="15"/>
      <c r="QJ37" s="15"/>
      <c r="QK37" s="15"/>
      <c r="QL37" s="15"/>
      <c r="QM37" s="15"/>
      <c r="QN37" s="15"/>
      <c r="QO37" s="15"/>
      <c r="QP37" s="15"/>
      <c r="QQ37" s="15"/>
      <c r="QR37" s="15"/>
      <c r="QS37" s="15"/>
      <c r="QT37" s="15"/>
      <c r="QU37" s="15"/>
      <c r="QV37" s="15"/>
      <c r="QW37" s="15"/>
      <c r="QX37" s="15"/>
      <c r="QY37" s="15"/>
      <c r="QZ37" s="15"/>
      <c r="RA37" s="15"/>
      <c r="RB37" s="15"/>
      <c r="RC37" s="15"/>
      <c r="RD37" s="15"/>
      <c r="RE37" s="15"/>
      <c r="RF37" s="15"/>
      <c r="RG37" s="15"/>
      <c r="RH37" s="15"/>
      <c r="RI37" s="15"/>
      <c r="RJ37" s="15"/>
      <c r="RK37" s="15"/>
      <c r="RL37" s="15"/>
      <c r="RM37" s="15"/>
      <c r="RN37" s="15"/>
      <c r="RO37" s="15"/>
      <c r="RP37" s="15"/>
      <c r="RQ37" s="15"/>
      <c r="RR37" s="15"/>
      <c r="RS37" s="15"/>
      <c r="RT37" s="15"/>
      <c r="RU37" s="15"/>
      <c r="RV37" s="15"/>
      <c r="RW37" s="15"/>
      <c r="RX37" s="15"/>
      <c r="RY37" s="15"/>
      <c r="RZ37" s="15"/>
      <c r="SA37" s="15"/>
      <c r="SB37" s="15"/>
      <c r="SC37" s="15"/>
      <c r="SD37" s="15"/>
      <c r="SE37" s="15"/>
      <c r="SF37" s="15"/>
      <c r="SG37" s="15"/>
      <c r="SH37" s="15"/>
      <c r="SI37" s="15"/>
      <c r="SJ37" s="15"/>
      <c r="SK37" s="15"/>
      <c r="SL37" s="15"/>
      <c r="SM37" s="15"/>
      <c r="SN37" s="15"/>
      <c r="SO37" s="15"/>
      <c r="SP37" s="15"/>
      <c r="SQ37" s="15"/>
      <c r="SR37" s="15"/>
      <c r="SS37" s="15"/>
      <c r="ST37" s="15"/>
      <c r="SU37" s="15"/>
      <c r="SV37" s="15"/>
      <c r="SW37" s="15"/>
      <c r="SX37" s="15"/>
      <c r="SY37" s="15"/>
      <c r="SZ37" s="15"/>
      <c r="TA37" s="15"/>
      <c r="TB37" s="15"/>
      <c r="TC37" s="15"/>
      <c r="TD37" s="15"/>
      <c r="TE37" s="15"/>
      <c r="TF37" s="15"/>
      <c r="TG37" s="15"/>
      <c r="TH37" s="15"/>
      <c r="TI37" s="15"/>
      <c r="TJ37" s="15"/>
      <c r="TK37" s="15"/>
      <c r="TL37" s="15"/>
      <c r="TM37" s="15"/>
      <c r="TN37" s="15"/>
      <c r="TO37" s="15"/>
      <c r="TP37" s="15"/>
      <c r="TQ37" s="15"/>
      <c r="TR37" s="15"/>
      <c r="TS37" s="15"/>
      <c r="TT37" s="15"/>
      <c r="TU37" s="15"/>
      <c r="TV37" s="15"/>
      <c r="TW37" s="15"/>
      <c r="TX37" s="15"/>
      <c r="TY37" s="15"/>
      <c r="TZ37" s="15"/>
      <c r="UA37" s="15"/>
      <c r="UB37" s="15"/>
      <c r="UC37" s="15"/>
      <c r="UD37" s="15"/>
      <c r="UE37" s="15"/>
      <c r="UF37" s="15"/>
      <c r="UG37" s="15"/>
      <c r="UH37" s="15"/>
      <c r="UI37" s="15"/>
      <c r="UJ37" s="15"/>
      <c r="UK37" s="15"/>
      <c r="UL37" s="15"/>
      <c r="UM37" s="15"/>
      <c r="UN37" s="15"/>
      <c r="UO37" s="15"/>
      <c r="UP37" s="15"/>
      <c r="UQ37" s="15"/>
      <c r="UR37" s="15"/>
      <c r="US37" s="15"/>
      <c r="UT37" s="15"/>
      <c r="UU37" s="15"/>
      <c r="UV37" s="15"/>
      <c r="UW37" s="15"/>
      <c r="UX37" s="15"/>
      <c r="UY37" s="15"/>
      <c r="UZ37" s="15"/>
      <c r="VA37" s="15"/>
      <c r="VB37" s="15"/>
      <c r="VC37" s="15"/>
      <c r="VD37" s="15"/>
      <c r="VE37" s="15"/>
      <c r="VF37" s="15"/>
      <c r="VG37" s="15"/>
      <c r="VH37" s="15"/>
      <c r="VI37" s="15"/>
      <c r="VJ37" s="15"/>
      <c r="VK37" s="15"/>
      <c r="VL37" s="15"/>
      <c r="VM37" s="15"/>
      <c r="VN37" s="15"/>
      <c r="VO37" s="15"/>
      <c r="VP37" s="15"/>
      <c r="VQ37" s="15"/>
      <c r="VR37" s="15"/>
      <c r="VS37" s="15"/>
      <c r="VT37" s="15"/>
      <c r="VU37" s="15"/>
      <c r="VV37" s="15"/>
      <c r="VW37" s="15"/>
      <c r="VX37" s="15"/>
      <c r="VY37" s="15"/>
      <c r="VZ37" s="15"/>
      <c r="WA37" s="15"/>
      <c r="WB37" s="15"/>
      <c r="WC37" s="15"/>
      <c r="WD37" s="15"/>
      <c r="WE37" s="15"/>
      <c r="WF37" s="15"/>
      <c r="WG37" s="15"/>
      <c r="WH37" s="15"/>
      <c r="WI37" s="15"/>
      <c r="WJ37" s="15"/>
      <c r="WK37" s="15"/>
      <c r="WL37" s="15"/>
      <c r="WM37" s="15"/>
      <c r="WN37" s="15"/>
      <c r="WO37" s="15"/>
      <c r="WP37" s="15"/>
      <c r="WQ37" s="15"/>
      <c r="WR37" s="15"/>
      <c r="WS37" s="15"/>
      <c r="WT37" s="15"/>
      <c r="WU37" s="15"/>
      <c r="WV37" s="15"/>
      <c r="WW37" s="15"/>
      <c r="WX37" s="15"/>
      <c r="WY37" s="15"/>
      <c r="WZ37" s="15"/>
      <c r="XA37" s="15"/>
      <c r="XB37" s="15"/>
      <c r="XC37" s="15"/>
      <c r="XD37" s="15"/>
      <c r="XE37" s="15"/>
      <c r="XF37" s="15"/>
      <c r="XG37" s="15"/>
      <c r="XH37" s="15"/>
      <c r="XI37" s="15"/>
      <c r="XJ37" s="15"/>
      <c r="XK37" s="15"/>
      <c r="XL37" s="15"/>
      <c r="XM37" s="15"/>
      <c r="XN37" s="15"/>
      <c r="XO37" s="15"/>
      <c r="XP37" s="15"/>
      <c r="XQ37" s="15"/>
      <c r="XR37" s="15"/>
      <c r="XS37" s="15"/>
      <c r="XT37" s="15"/>
      <c r="XU37" s="15"/>
      <c r="XV37" s="15"/>
      <c r="XW37" s="15"/>
      <c r="XX37" s="15"/>
      <c r="XY37" s="15"/>
      <c r="XZ37" s="15"/>
      <c r="YA37" s="15"/>
      <c r="YB37" s="15"/>
      <c r="YC37" s="15"/>
      <c r="YD37" s="15"/>
      <c r="YE37" s="15"/>
      <c r="YF37" s="15"/>
      <c r="YG37" s="15"/>
      <c r="YH37" s="15"/>
      <c r="YI37" s="15"/>
      <c r="YJ37" s="15"/>
      <c r="YK37" s="15"/>
      <c r="YL37" s="15"/>
      <c r="YM37" s="15"/>
      <c r="YN37" s="15"/>
      <c r="YO37" s="15"/>
      <c r="YP37" s="15"/>
      <c r="YQ37" s="15"/>
      <c r="YR37" s="15"/>
      <c r="YS37" s="15"/>
      <c r="YT37" s="15"/>
      <c r="YU37" s="15"/>
      <c r="YV37" s="15"/>
      <c r="YW37" s="15"/>
      <c r="YX37" s="15"/>
      <c r="YY37" s="15"/>
      <c r="YZ37" s="15"/>
      <c r="ZA37" s="15"/>
      <c r="ZB37" s="15"/>
      <c r="ZC37" s="15"/>
      <c r="ZD37" s="15"/>
      <c r="ZE37" s="15"/>
      <c r="ZF37" s="15"/>
      <c r="ZG37" s="15"/>
      <c r="ZH37" s="15"/>
      <c r="ZI37" s="15"/>
      <c r="ZJ37" s="15"/>
      <c r="ZK37" s="15"/>
      <c r="ZL37" s="15"/>
      <c r="ZM37" s="15"/>
      <c r="ZN37" s="15"/>
      <c r="ZO37" s="15"/>
      <c r="ZP37" s="15"/>
      <c r="ZQ37" s="15"/>
      <c r="ZR37" s="15"/>
      <c r="ZS37" s="15"/>
      <c r="ZT37" s="15"/>
      <c r="ZU37" s="15"/>
      <c r="ZV37" s="15"/>
      <c r="ZW37" s="15"/>
      <c r="ZX37" s="15"/>
      <c r="ZY37" s="15"/>
      <c r="ZZ37" s="15"/>
      <c r="AAA37" s="15"/>
      <c r="AAB37" s="15"/>
      <c r="AAC37" s="15"/>
      <c r="AAD37" s="15"/>
      <c r="AAE37" s="15"/>
      <c r="AAF37" s="15"/>
      <c r="AAG37" s="15"/>
      <c r="AAH37" s="15"/>
      <c r="AAI37" s="15"/>
      <c r="AAJ37" s="15"/>
      <c r="AAK37" s="15"/>
      <c r="AAL37" s="15"/>
      <c r="AAM37" s="15"/>
      <c r="AAN37" s="15"/>
      <c r="AAO37" s="15"/>
      <c r="AAP37" s="15"/>
      <c r="AAQ37" s="15"/>
      <c r="AAR37" s="15"/>
      <c r="AAS37" s="15"/>
      <c r="AAT37" s="15"/>
      <c r="AAU37" s="15"/>
      <c r="AAV37" s="15"/>
      <c r="AAW37" s="15"/>
      <c r="AAX37" s="15"/>
      <c r="AAY37" s="15"/>
      <c r="AAZ37" s="15"/>
      <c r="ABA37" s="15"/>
      <c r="ABB37" s="15"/>
      <c r="ABC37" s="15"/>
      <c r="ABD37" s="15"/>
      <c r="ABE37" s="15"/>
      <c r="ABF37" s="15"/>
      <c r="ABG37" s="15"/>
      <c r="ABH37" s="15"/>
      <c r="ABI37" s="15"/>
      <c r="ABJ37" s="15"/>
      <c r="ABK37" s="15"/>
      <c r="ABL37" s="15"/>
      <c r="ABM37" s="15"/>
      <c r="ABN37" s="15"/>
      <c r="ABO37" s="15"/>
      <c r="ABP37" s="15"/>
      <c r="ABQ37" s="15"/>
      <c r="ABR37" s="15"/>
      <c r="ABS37" s="15"/>
      <c r="ABT37" s="15"/>
      <c r="ABU37" s="15"/>
      <c r="ABV37" s="15"/>
      <c r="ABW37" s="15"/>
      <c r="ABX37" s="15"/>
      <c r="ABY37" s="15"/>
      <c r="ABZ37" s="15"/>
      <c r="ACA37" s="15"/>
      <c r="ACB37" s="15"/>
      <c r="ACC37" s="15"/>
      <c r="ACD37" s="15"/>
      <c r="ACE37" s="15"/>
      <c r="ACF37" s="15"/>
      <c r="ACG37" s="15"/>
      <c r="ACH37" s="15"/>
      <c r="ACI37" s="15"/>
      <c r="ACJ37" s="15"/>
      <c r="ACK37" s="15"/>
      <c r="ACL37" s="15"/>
      <c r="ACM37" s="15"/>
      <c r="ACN37" s="15"/>
      <c r="ACO37" s="15"/>
      <c r="ACP37" s="15"/>
      <c r="ACQ37" s="15"/>
      <c r="ACR37" s="15"/>
      <c r="ACS37" s="15"/>
      <c r="ACT37" s="15"/>
      <c r="ACU37" s="15"/>
      <c r="ACV37" s="15"/>
      <c r="ACW37" s="15"/>
      <c r="ACX37" s="15"/>
      <c r="ACY37" s="15"/>
      <c r="ACZ37" s="15"/>
      <c r="ADA37" s="15"/>
      <c r="ADB37" s="15"/>
      <c r="ADC37" s="15"/>
      <c r="ADD37" s="15"/>
      <c r="ADE37" s="15"/>
      <c r="ADF37" s="15"/>
      <c r="ADG37" s="15"/>
      <c r="ADH37" s="15"/>
      <c r="ADI37" s="15"/>
      <c r="ADJ37" s="15"/>
      <c r="ADK37" s="15"/>
      <c r="ADL37" s="15"/>
      <c r="ADM37" s="15"/>
      <c r="ADN37" s="15"/>
      <c r="ADO37" s="15"/>
      <c r="ADP37" s="15"/>
      <c r="ADQ37" s="15"/>
      <c r="ADR37" s="15"/>
      <c r="ADS37" s="15"/>
      <c r="ADT37" s="15"/>
      <c r="ADU37" s="15"/>
      <c r="ADV37" s="15"/>
      <c r="ADW37" s="15"/>
      <c r="ADX37" s="15"/>
      <c r="ADY37" s="15"/>
      <c r="ADZ37" s="15"/>
      <c r="AEA37" s="15"/>
      <c r="AEB37" s="15"/>
      <c r="AEC37" s="15"/>
      <c r="AED37" s="15"/>
      <c r="AEE37" s="15"/>
      <c r="AEF37" s="15"/>
      <c r="AEG37" s="15"/>
      <c r="AEH37" s="15"/>
      <c r="AEI37" s="15"/>
      <c r="AEJ37" s="15"/>
      <c r="AEK37" s="15"/>
      <c r="AEL37" s="15"/>
      <c r="AEM37" s="15"/>
      <c r="AEN37" s="15"/>
      <c r="AEO37" s="15"/>
      <c r="AEP37" s="15"/>
      <c r="AEQ37" s="15"/>
      <c r="AER37" s="15"/>
      <c r="AES37" s="15"/>
      <c r="AET37" s="15"/>
      <c r="AEU37" s="15"/>
      <c r="AEV37" s="15"/>
      <c r="AEW37" s="15"/>
      <c r="AEX37" s="15"/>
      <c r="AEY37" s="15"/>
      <c r="AEZ37" s="15"/>
      <c r="AFA37" s="15"/>
      <c r="AFB37" s="15"/>
      <c r="AFC37" s="15"/>
      <c r="AFD37" s="15"/>
      <c r="AFE37" s="15"/>
      <c r="AFF37" s="15"/>
      <c r="AFG37" s="15"/>
      <c r="AFH37" s="15"/>
      <c r="AFI37" s="15"/>
      <c r="AFJ37" s="15"/>
      <c r="AFK37" s="15"/>
      <c r="AFL37" s="15"/>
      <c r="AFM37" s="15"/>
      <c r="AFN37" s="15"/>
      <c r="AFO37" s="15"/>
      <c r="AFP37" s="15"/>
      <c r="AFQ37" s="15"/>
      <c r="AFR37" s="15"/>
      <c r="AFS37" s="15"/>
      <c r="AFT37" s="15"/>
      <c r="AFU37" s="15"/>
      <c r="AFV37" s="15"/>
      <c r="AFW37" s="15"/>
      <c r="AFX37" s="15"/>
      <c r="AFY37" s="15"/>
      <c r="AFZ37" s="15"/>
      <c r="AGA37" s="15"/>
      <c r="AGB37" s="15"/>
      <c r="AGC37" s="15"/>
      <c r="AGD37" s="15"/>
      <c r="AGE37" s="15"/>
      <c r="AGF37" s="15"/>
      <c r="AGG37" s="15"/>
      <c r="AGH37" s="15"/>
      <c r="AGI37" s="15"/>
      <c r="AGJ37" s="15"/>
      <c r="AGK37" s="15"/>
      <c r="AGL37" s="15"/>
      <c r="AGM37" s="15"/>
      <c r="AGN37" s="15"/>
      <c r="AGO37" s="15"/>
      <c r="AGP37" s="15"/>
      <c r="AGQ37" s="15"/>
      <c r="AGR37" s="15"/>
      <c r="AGS37" s="15"/>
      <c r="AGT37" s="15"/>
      <c r="AGU37" s="15"/>
      <c r="AGV37" s="15"/>
      <c r="AGW37" s="15"/>
      <c r="AGX37" s="15"/>
      <c r="AGY37" s="15"/>
      <c r="AGZ37" s="15"/>
      <c r="AHA37" s="15"/>
      <c r="AHB37" s="15"/>
      <c r="AHC37" s="15"/>
      <c r="AHD37" s="15"/>
      <c r="AHE37" s="15"/>
      <c r="AHF37" s="15"/>
      <c r="AHG37" s="15"/>
      <c r="AHH37" s="15"/>
      <c r="AHI37" s="15"/>
      <c r="AHJ37" s="15"/>
      <c r="AHK37" s="15"/>
      <c r="AHL37" s="15"/>
      <c r="AHM37" s="15"/>
      <c r="AHN37" s="15"/>
      <c r="AHO37" s="15"/>
      <c r="AHP37" s="15"/>
      <c r="AHQ37" s="15"/>
      <c r="AHR37" s="15"/>
      <c r="AHS37" s="15"/>
      <c r="AHT37" s="15"/>
      <c r="AHU37" s="15"/>
      <c r="AHV37" s="15"/>
      <c r="AHW37" s="15"/>
      <c r="AHX37" s="15"/>
      <c r="AHY37" s="15"/>
      <c r="AHZ37" s="15"/>
      <c r="AIA37" s="15"/>
      <c r="AIB37" s="15"/>
      <c r="AIC37" s="15"/>
      <c r="AID37" s="15"/>
      <c r="AIE37" s="15"/>
      <c r="AIF37" s="15"/>
      <c r="AIG37" s="15"/>
      <c r="AIH37" s="15"/>
      <c r="AII37" s="15"/>
      <c r="AIJ37" s="15"/>
      <c r="AIK37" s="15"/>
      <c r="AIL37" s="15"/>
      <c r="AIM37" s="15"/>
      <c r="AIN37" s="15"/>
      <c r="AIO37" s="15"/>
      <c r="AIP37" s="15"/>
      <c r="AIQ37" s="15"/>
      <c r="AIR37" s="15"/>
      <c r="AIS37" s="15"/>
      <c r="AIT37" s="15"/>
      <c r="AIU37" s="15"/>
      <c r="AIV37" s="15"/>
      <c r="AIW37" s="15"/>
      <c r="AIX37" s="15"/>
      <c r="AIY37" s="15"/>
      <c r="AIZ37" s="15"/>
      <c r="AJA37" s="15"/>
      <c r="AJB37" s="15"/>
      <c r="AJC37" s="15"/>
      <c r="AJD37" s="15"/>
      <c r="AJE37" s="15"/>
      <c r="AJF37" s="15"/>
      <c r="AJG37" s="15"/>
      <c r="AJH37" s="15"/>
      <c r="AJI37" s="15"/>
      <c r="AJJ37" s="15"/>
      <c r="AJK37" s="15"/>
      <c r="AJL37" s="15"/>
      <c r="AJM37" s="15"/>
      <c r="AJN37" s="15"/>
      <c r="AJO37" s="15"/>
      <c r="AJP37" s="15"/>
      <c r="AJQ37" s="15"/>
      <c r="AJR37" s="15"/>
      <c r="AJS37" s="15"/>
      <c r="AJT37" s="15"/>
      <c r="AJU37" s="15"/>
      <c r="AJV37" s="15"/>
      <c r="AJW37" s="15"/>
      <c r="AJX37" s="15"/>
      <c r="AJY37" s="15"/>
      <c r="AJZ37" s="15"/>
      <c r="AKA37" s="15"/>
      <c r="AKB37" s="15"/>
      <c r="AKC37" s="15"/>
      <c r="AKD37" s="15"/>
      <c r="AKE37" s="15"/>
      <c r="AKF37" s="15"/>
      <c r="AKG37" s="15"/>
      <c r="AKH37" s="15"/>
      <c r="AKI37" s="15"/>
      <c r="AKJ37" s="15"/>
      <c r="AKK37" s="15"/>
      <c r="AKL37" s="15"/>
      <c r="AKM37" s="15"/>
      <c r="AKN37" s="15"/>
      <c r="AKO37" s="15"/>
      <c r="AKP37" s="15"/>
      <c r="AKQ37" s="15"/>
      <c r="AKR37" s="15"/>
      <c r="AKS37" s="15"/>
      <c r="AKT37" s="15"/>
      <c r="AKU37" s="15"/>
      <c r="AKV37" s="15"/>
      <c r="AKW37" s="15"/>
      <c r="AKX37" s="15"/>
      <c r="AKY37" s="15"/>
      <c r="AKZ37" s="15"/>
      <c r="ALA37" s="15"/>
      <c r="ALB37" s="15"/>
      <c r="ALC37" s="15"/>
      <c r="ALD37" s="15"/>
      <c r="ALE37" s="15"/>
      <c r="ALF37" s="15"/>
      <c r="ALG37" s="15"/>
      <c r="ALH37" s="15"/>
      <c r="ALI37" s="15"/>
      <c r="ALJ37" s="15"/>
      <c r="ALK37" s="15"/>
      <c r="ALL37" s="15"/>
      <c r="ALM37" s="15"/>
      <c r="ALN37" s="15"/>
      <c r="ALO37" s="15"/>
      <c r="ALP37" s="15"/>
      <c r="ALQ37" s="15"/>
      <c r="ALR37" s="15"/>
      <c r="ALS37" s="15"/>
      <c r="ALT37" s="15"/>
      <c r="ALU37" s="15"/>
      <c r="ALV37" s="15"/>
      <c r="ALW37" s="15"/>
      <c r="ALX37" s="15"/>
      <c r="ALY37" s="15"/>
      <c r="ALZ37" s="15"/>
      <c r="AMA37" s="15"/>
      <c r="AMB37" s="15"/>
      <c r="AMC37" s="15"/>
      <c r="AMD37" s="15"/>
      <c r="AME37" s="15"/>
      <c r="AMF37" s="15"/>
      <c r="AMG37" s="15"/>
      <c r="AMH37" s="15"/>
      <c r="AMI37" s="15"/>
      <c r="AMJ37" s="15"/>
      <c r="AMK37" s="15"/>
      <c r="AML37" s="15"/>
      <c r="AMM37" s="15"/>
      <c r="AMN37" s="15"/>
      <c r="AMO37" s="15"/>
      <c r="AMP37" s="15"/>
      <c r="AMQ37" s="15"/>
      <c r="AMR37" s="15"/>
      <c r="AMS37" s="15"/>
      <c r="AMT37" s="15"/>
      <c r="AMU37" s="15"/>
      <c r="AMV37" s="15"/>
      <c r="AMW37" s="15"/>
      <c r="AMX37" s="15"/>
      <c r="AMY37" s="15"/>
      <c r="AMZ37" s="15"/>
      <c r="ANA37" s="15"/>
      <c r="ANB37" s="15"/>
      <c r="ANC37" s="15"/>
      <c r="AND37" s="15"/>
      <c r="ANE37" s="15"/>
      <c r="ANF37" s="15"/>
      <c r="ANG37" s="15"/>
      <c r="ANH37" s="15"/>
      <c r="ANI37" s="15"/>
      <c r="ANJ37" s="15"/>
      <c r="ANK37" s="15"/>
      <c r="ANL37" s="15"/>
      <c r="ANM37" s="15"/>
      <c r="ANN37" s="15"/>
      <c r="ANO37" s="15"/>
      <c r="ANP37" s="15"/>
      <c r="ANQ37" s="15"/>
      <c r="ANR37" s="15"/>
      <c r="ANS37" s="15"/>
      <c r="ANT37" s="15"/>
      <c r="ANU37" s="15"/>
      <c r="ANV37" s="15"/>
      <c r="ANW37" s="15"/>
      <c r="ANX37" s="15"/>
      <c r="ANY37" s="15"/>
      <c r="ANZ37" s="15"/>
      <c r="AOA37" s="15"/>
      <c r="AOB37" s="15"/>
      <c r="AOC37" s="15"/>
      <c r="AOD37" s="15"/>
      <c r="AOE37" s="15"/>
      <c r="AOF37" s="15"/>
      <c r="AOG37" s="15"/>
      <c r="AOH37" s="15"/>
      <c r="AOI37" s="15"/>
      <c r="AOJ37" s="15"/>
      <c r="AOK37" s="15"/>
      <c r="AOL37" s="15"/>
      <c r="AOM37" s="15"/>
      <c r="AON37" s="15"/>
      <c r="AOO37" s="15"/>
      <c r="AOP37" s="15"/>
      <c r="AOQ37" s="15"/>
      <c r="AOR37" s="15"/>
      <c r="AOS37" s="15"/>
      <c r="AOT37" s="15"/>
      <c r="AOU37" s="15"/>
      <c r="AOV37" s="15"/>
      <c r="AOW37" s="15"/>
      <c r="AOX37" s="15"/>
      <c r="AOY37" s="15"/>
      <c r="AOZ37" s="15"/>
      <c r="APA37" s="15"/>
      <c r="APB37" s="15"/>
      <c r="APC37" s="15"/>
      <c r="APD37" s="15"/>
      <c r="APE37" s="15"/>
      <c r="APF37" s="15"/>
      <c r="APG37" s="15"/>
      <c r="APH37" s="15"/>
      <c r="API37" s="15"/>
      <c r="APJ37" s="15"/>
      <c r="APK37" s="15"/>
      <c r="APL37" s="15"/>
      <c r="APM37" s="15"/>
      <c r="APN37" s="15"/>
      <c r="APO37" s="15"/>
      <c r="APP37" s="15"/>
      <c r="APQ37" s="15"/>
      <c r="APR37" s="15"/>
      <c r="APS37" s="15"/>
      <c r="APT37" s="15"/>
      <c r="APU37" s="15"/>
      <c r="APV37" s="15"/>
      <c r="APW37" s="15"/>
      <c r="APX37" s="15"/>
      <c r="APY37" s="15"/>
      <c r="APZ37" s="15"/>
      <c r="AQA37" s="15"/>
      <c r="AQB37" s="15"/>
      <c r="AQC37" s="15"/>
      <c r="AQD37" s="15"/>
      <c r="AQE37" s="15"/>
      <c r="AQF37" s="15"/>
      <c r="AQG37" s="15"/>
      <c r="AQH37" s="15"/>
      <c r="AQI37" s="15"/>
      <c r="AQJ37" s="15"/>
      <c r="AQK37" s="15"/>
      <c r="AQL37" s="15"/>
      <c r="AQM37" s="15"/>
      <c r="AQN37" s="15"/>
      <c r="AQO37" s="15"/>
      <c r="AQP37" s="15"/>
      <c r="AQQ37" s="15"/>
      <c r="AQR37" s="15"/>
      <c r="AQS37" s="15"/>
      <c r="AQT37" s="15"/>
      <c r="AQU37" s="15"/>
      <c r="AQV37" s="15"/>
      <c r="AQW37" s="15"/>
      <c r="AQX37" s="15"/>
      <c r="AQY37" s="15"/>
      <c r="AQZ37" s="15"/>
      <c r="ARA37" s="15"/>
      <c r="ARB37" s="15"/>
      <c r="ARC37" s="15"/>
      <c r="ARD37" s="15"/>
      <c r="ARE37" s="15"/>
      <c r="ARF37" s="15"/>
      <c r="ARG37" s="15"/>
      <c r="ARH37" s="15"/>
      <c r="ARI37" s="15"/>
      <c r="ARJ37" s="15"/>
      <c r="ARK37" s="15"/>
      <c r="ARL37" s="15"/>
      <c r="ARM37" s="15"/>
      <c r="ARN37" s="15"/>
      <c r="ARO37" s="15"/>
      <c r="ARP37" s="15"/>
      <c r="ARQ37" s="15"/>
      <c r="ARR37" s="15"/>
      <c r="ARS37" s="15"/>
      <c r="ART37" s="15"/>
      <c r="ARU37" s="15"/>
      <c r="ARV37" s="15"/>
      <c r="ARW37" s="15"/>
      <c r="ARX37" s="15"/>
      <c r="ARY37" s="15"/>
      <c r="ARZ37" s="15"/>
      <c r="ASA37" s="15"/>
      <c r="ASB37" s="15"/>
      <c r="ASC37" s="15"/>
      <c r="ASD37" s="15"/>
      <c r="ASE37" s="15"/>
      <c r="ASF37" s="15"/>
      <c r="ASG37" s="15"/>
      <c r="ASH37" s="15"/>
      <c r="ASI37" s="15"/>
      <c r="ASJ37" s="15"/>
      <c r="ASK37" s="15"/>
      <c r="ASL37" s="15"/>
      <c r="ASM37" s="15"/>
      <c r="ASN37" s="15"/>
      <c r="ASO37" s="15"/>
      <c r="ASP37" s="15"/>
      <c r="ASQ37" s="15"/>
      <c r="ASR37" s="15"/>
      <c r="ASS37" s="15"/>
      <c r="AST37" s="15"/>
      <c r="ASU37" s="15"/>
      <c r="ASV37" s="15"/>
      <c r="ASW37" s="15"/>
      <c r="ASX37" s="15"/>
      <c r="ASY37" s="15"/>
      <c r="ASZ37" s="15"/>
      <c r="ATA37" s="15"/>
      <c r="ATB37" s="15"/>
      <c r="ATC37" s="15"/>
      <c r="ATD37" s="15"/>
      <c r="ATE37" s="15"/>
      <c r="ATF37" s="15"/>
      <c r="ATG37" s="15"/>
      <c r="ATH37" s="15"/>
      <c r="ATI37" s="15"/>
      <c r="ATJ37" s="15"/>
      <c r="ATK37" s="15"/>
      <c r="ATL37" s="15"/>
      <c r="ATM37" s="15"/>
      <c r="ATN37" s="15"/>
      <c r="ATO37" s="15"/>
      <c r="ATP37" s="15"/>
      <c r="ATQ37" s="15"/>
      <c r="ATR37" s="15"/>
      <c r="ATS37" s="15"/>
      <c r="ATT37" s="15"/>
      <c r="ATU37" s="15"/>
      <c r="ATV37" s="15"/>
      <c r="ATW37" s="15"/>
      <c r="ATX37" s="15"/>
      <c r="ATY37" s="15"/>
      <c r="ATZ37" s="15"/>
      <c r="AUA37" s="15"/>
      <c r="AUB37" s="15"/>
      <c r="AUC37" s="15"/>
      <c r="AUD37" s="15"/>
      <c r="AUE37" s="15"/>
      <c r="AUF37" s="15"/>
      <c r="AUG37" s="15"/>
      <c r="AUH37" s="15"/>
      <c r="AUI37" s="15"/>
      <c r="AUJ37" s="15"/>
      <c r="AUK37" s="15"/>
      <c r="AUL37" s="15"/>
      <c r="AUM37" s="15"/>
      <c r="AUN37" s="15"/>
      <c r="AUO37" s="15"/>
      <c r="AUP37" s="15"/>
      <c r="AUQ37" s="15"/>
      <c r="AUR37" s="15"/>
      <c r="AUS37" s="15"/>
      <c r="AUT37" s="15"/>
      <c r="AUU37" s="15"/>
      <c r="AUV37" s="15"/>
      <c r="AUW37" s="15"/>
      <c r="AUX37" s="15"/>
      <c r="AUY37" s="15"/>
      <c r="AUZ37" s="15"/>
      <c r="AVA37" s="15"/>
      <c r="AVB37" s="15"/>
      <c r="AVC37" s="15"/>
      <c r="AVD37" s="15"/>
      <c r="AVE37" s="15"/>
      <c r="AVF37" s="15"/>
      <c r="AVG37" s="15"/>
      <c r="AVH37" s="15"/>
      <c r="AVI37" s="15"/>
      <c r="AVJ37" s="15"/>
      <c r="AVK37" s="15"/>
      <c r="AVL37" s="15"/>
      <c r="AVM37" s="15"/>
      <c r="AVN37" s="15"/>
      <c r="AVO37" s="15"/>
      <c r="AVP37" s="15"/>
      <c r="AVQ37" s="15"/>
      <c r="AVR37" s="15"/>
      <c r="AVS37" s="15"/>
      <c r="AVT37" s="15"/>
      <c r="AVU37" s="15"/>
      <c r="AVV37" s="15"/>
      <c r="AVW37" s="15"/>
      <c r="AVX37" s="15"/>
      <c r="AVY37" s="15"/>
      <c r="AVZ37" s="15"/>
      <c r="AWA37" s="15"/>
      <c r="AWB37" s="15"/>
      <c r="AWC37" s="15"/>
      <c r="AWD37" s="15"/>
      <c r="AWE37" s="15"/>
      <c r="AWF37" s="15"/>
      <c r="AWG37" s="15"/>
      <c r="AWH37" s="15"/>
      <c r="AWI37" s="15"/>
      <c r="AWJ37" s="15"/>
      <c r="AWK37" s="15"/>
      <c r="AWL37" s="15"/>
      <c r="AWM37" s="15"/>
      <c r="AWN37" s="15"/>
      <c r="AWO37" s="15"/>
      <c r="AWP37" s="15"/>
      <c r="AWQ37" s="15"/>
      <c r="AWR37" s="15"/>
      <c r="AWS37" s="15"/>
      <c r="AWT37" s="15"/>
      <c r="AWU37" s="15"/>
      <c r="AWV37" s="15"/>
      <c r="AWW37" s="15"/>
      <c r="AWX37" s="15"/>
      <c r="AWY37" s="15"/>
      <c r="AWZ37" s="15"/>
      <c r="AXA37" s="15"/>
      <c r="AXB37" s="15"/>
      <c r="AXC37" s="15"/>
      <c r="AXD37" s="15"/>
      <c r="AXE37" s="15"/>
      <c r="AXF37" s="15"/>
      <c r="AXG37" s="15"/>
      <c r="AXH37" s="15"/>
      <c r="AXI37" s="15"/>
      <c r="AXJ37" s="15"/>
      <c r="AXK37" s="15"/>
      <c r="AXL37" s="15"/>
      <c r="AXM37" s="15"/>
      <c r="AXN37" s="15"/>
      <c r="AXO37" s="15"/>
      <c r="AXP37" s="15"/>
      <c r="AXQ37" s="15"/>
      <c r="AXR37" s="15"/>
      <c r="AXS37" s="15"/>
      <c r="AXT37" s="15"/>
      <c r="AXU37" s="15"/>
      <c r="AXV37" s="15"/>
      <c r="AXW37" s="15"/>
      <c r="AXX37" s="15"/>
      <c r="AXY37" s="15"/>
      <c r="AXZ37" s="15"/>
      <c r="AYA37" s="15"/>
      <c r="AYB37" s="15"/>
      <c r="AYC37" s="15"/>
      <c r="AYD37" s="15"/>
      <c r="AYE37" s="15"/>
      <c r="AYF37" s="15"/>
      <c r="AYG37" s="15"/>
      <c r="AYH37" s="15"/>
      <c r="AYI37" s="15"/>
      <c r="AYJ37" s="15"/>
      <c r="AYK37" s="15"/>
      <c r="AYL37" s="15"/>
      <c r="AYM37" s="15"/>
      <c r="AYN37" s="15"/>
      <c r="AYO37" s="15"/>
      <c r="AYP37" s="15"/>
      <c r="AYQ37" s="15"/>
      <c r="AYR37" s="15"/>
      <c r="AYS37" s="15"/>
      <c r="AYT37" s="15"/>
      <c r="AYU37" s="15"/>
      <c r="AYV37" s="15"/>
      <c r="AYW37" s="15"/>
      <c r="AYX37" s="15"/>
      <c r="AYY37" s="15"/>
      <c r="AYZ37" s="15"/>
      <c r="AZA37" s="15"/>
      <c r="AZB37" s="15"/>
      <c r="AZC37" s="15"/>
      <c r="AZD37" s="15"/>
      <c r="AZE37" s="15"/>
      <c r="AZF37" s="15"/>
      <c r="AZG37" s="15"/>
      <c r="AZH37" s="15"/>
      <c r="AZI37" s="15"/>
      <c r="AZJ37" s="15"/>
      <c r="AZK37" s="15"/>
      <c r="AZL37" s="15"/>
      <c r="AZM37" s="15"/>
      <c r="AZN37" s="15"/>
      <c r="AZO37" s="15"/>
      <c r="AZP37" s="15"/>
      <c r="AZQ37" s="15"/>
      <c r="AZR37" s="15"/>
      <c r="AZS37" s="15"/>
      <c r="AZT37" s="15"/>
      <c r="AZU37" s="15"/>
      <c r="AZV37" s="15"/>
      <c r="AZW37" s="15"/>
      <c r="AZX37" s="15"/>
      <c r="AZY37" s="15"/>
      <c r="AZZ37" s="15"/>
      <c r="BAA37" s="15"/>
      <c r="BAB37" s="15"/>
      <c r="BAC37" s="15"/>
      <c r="BAD37" s="15"/>
      <c r="BAE37" s="15"/>
      <c r="BAF37" s="15"/>
      <c r="BAG37" s="15"/>
      <c r="BAH37" s="15"/>
      <c r="BAI37" s="15"/>
      <c r="BAJ37" s="15"/>
      <c r="BAK37" s="15"/>
      <c r="BAL37" s="15"/>
      <c r="BAM37" s="15"/>
      <c r="BAN37" s="15"/>
      <c r="BAO37" s="15"/>
      <c r="BAP37" s="15"/>
      <c r="BAQ37" s="15"/>
      <c r="BAR37" s="15"/>
      <c r="BAS37" s="15"/>
      <c r="BAT37" s="15"/>
      <c r="BAU37" s="15"/>
      <c r="BAV37" s="15"/>
      <c r="BAW37" s="15"/>
      <c r="BAX37" s="15"/>
      <c r="BAY37" s="15"/>
      <c r="BAZ37" s="15"/>
      <c r="BBA37" s="15"/>
      <c r="BBB37" s="15"/>
      <c r="BBC37" s="15"/>
      <c r="BBD37" s="15"/>
      <c r="BBE37" s="15"/>
      <c r="BBF37" s="15"/>
      <c r="BBG37" s="15"/>
      <c r="BBH37" s="15"/>
      <c r="BBI37" s="15"/>
      <c r="BBJ37" s="15"/>
      <c r="BBK37" s="15"/>
      <c r="BBL37" s="15"/>
      <c r="BBM37" s="15"/>
      <c r="BBN37" s="15"/>
    </row>
    <row r="38" spans="1:1418" s="15" customFormat="1" ht="13.2" customHeight="1" x14ac:dyDescent="0.2">
      <c r="A38" s="176" t="s">
        <v>10</v>
      </c>
      <c r="B38" s="34"/>
      <c r="C38" s="196"/>
      <c r="D38" s="197"/>
      <c r="E38" s="35"/>
      <c r="F38" s="35"/>
      <c r="G38" s="35"/>
      <c r="H38" s="35"/>
      <c r="I38" s="35"/>
      <c r="J38" s="36"/>
    </row>
    <row r="39" spans="1:1418" s="40" customFormat="1" ht="22.5" customHeight="1" x14ac:dyDescent="0.2">
      <c r="A39" s="177"/>
      <c r="B39" s="37"/>
      <c r="C39" s="135"/>
      <c r="D39" s="136"/>
      <c r="E39" s="38"/>
      <c r="F39" s="38"/>
      <c r="G39" s="38"/>
      <c r="H39" s="38"/>
      <c r="I39" s="38"/>
      <c r="J39" s="39"/>
      <c r="K39" s="15"/>
      <c r="L39" s="15"/>
      <c r="M39" s="15"/>
      <c r="N39" s="15"/>
      <c r="O39" s="15"/>
      <c r="P39" s="15"/>
      <c r="Q39" s="15"/>
      <c r="R39" s="15"/>
      <c r="S39" s="15"/>
      <c r="T39" s="15"/>
      <c r="U39" s="15"/>
      <c r="V39" s="15"/>
      <c r="W39" s="15"/>
      <c r="X39" s="15"/>
      <c r="Y39" s="15"/>
      <c r="Z39" s="15"/>
      <c r="AA39" s="15"/>
      <c r="AB39" s="15"/>
      <c r="AC39" s="15"/>
      <c r="AD39" s="15"/>
      <c r="AE39" s="15"/>
      <c r="AF39" s="15"/>
      <c r="AG39" s="15"/>
      <c r="AH39" s="15"/>
      <c r="AI39" s="15"/>
      <c r="AJ39" s="15"/>
      <c r="AK39" s="15"/>
      <c r="AL39" s="15"/>
      <c r="AM39" s="15"/>
      <c r="AN39" s="15"/>
      <c r="AO39" s="15"/>
      <c r="AP39" s="15"/>
      <c r="AQ39" s="15"/>
      <c r="AR39" s="15"/>
      <c r="AS39" s="15"/>
      <c r="AT39" s="15"/>
      <c r="AU39" s="15"/>
      <c r="AV39" s="15"/>
      <c r="AW39" s="15"/>
      <c r="AX39" s="15"/>
      <c r="AY39" s="15"/>
      <c r="AZ39" s="15"/>
      <c r="BA39" s="15"/>
      <c r="BB39" s="15"/>
      <c r="BC39" s="15"/>
      <c r="BD39" s="15"/>
      <c r="BE39" s="15"/>
      <c r="BF39" s="15"/>
      <c r="BG39" s="15"/>
      <c r="BH39" s="15"/>
      <c r="BI39" s="15"/>
      <c r="BJ39" s="15"/>
      <c r="BK39" s="15"/>
      <c r="BL39" s="15"/>
      <c r="BM39" s="15"/>
      <c r="BN39" s="15"/>
      <c r="BO39" s="15"/>
      <c r="BP39" s="15"/>
      <c r="BQ39" s="15"/>
      <c r="BR39" s="15"/>
      <c r="BS39" s="15"/>
      <c r="BT39" s="15"/>
      <c r="BU39" s="15"/>
      <c r="BV39" s="15"/>
      <c r="BW39" s="15"/>
      <c r="BX39" s="15"/>
      <c r="BY39" s="15"/>
      <c r="BZ39" s="15"/>
      <c r="CA39" s="15"/>
      <c r="CB39" s="15"/>
      <c r="CC39" s="15"/>
      <c r="CD39" s="15"/>
      <c r="CE39" s="15"/>
      <c r="CF39" s="15"/>
      <c r="CG39" s="15"/>
      <c r="CH39" s="15"/>
      <c r="CI39" s="15"/>
      <c r="CJ39" s="15"/>
      <c r="CK39" s="15"/>
      <c r="CL39" s="15"/>
      <c r="CM39" s="15"/>
      <c r="CN39" s="15"/>
      <c r="CO39" s="15"/>
      <c r="CP39" s="15"/>
      <c r="CQ39" s="15"/>
      <c r="CR39" s="15"/>
      <c r="CS39" s="15"/>
      <c r="CT39" s="15"/>
      <c r="CU39" s="15"/>
      <c r="CV39" s="15"/>
      <c r="CW39" s="15"/>
      <c r="CX39" s="15"/>
      <c r="CY39" s="15"/>
      <c r="CZ39" s="15"/>
      <c r="DA39" s="15"/>
      <c r="DB39" s="15"/>
      <c r="DC39" s="15"/>
      <c r="DD39" s="15"/>
      <c r="DE39" s="15"/>
      <c r="DF39" s="15"/>
      <c r="DG39" s="15"/>
      <c r="DH39" s="15"/>
      <c r="DI39" s="15"/>
      <c r="DJ39" s="15"/>
      <c r="DK39" s="15"/>
      <c r="DL39" s="15"/>
      <c r="DM39" s="15"/>
      <c r="DN39" s="15"/>
      <c r="DO39" s="15"/>
      <c r="DP39" s="15"/>
      <c r="DQ39" s="15"/>
      <c r="DR39" s="15"/>
      <c r="DS39" s="15"/>
      <c r="DT39" s="15"/>
      <c r="DU39" s="15"/>
      <c r="DV39" s="15"/>
      <c r="DW39" s="15"/>
      <c r="DX39" s="15"/>
      <c r="DY39" s="15"/>
      <c r="DZ39" s="15"/>
      <c r="EA39" s="15"/>
      <c r="EB39" s="15"/>
      <c r="EC39" s="15"/>
      <c r="ED39" s="15"/>
      <c r="EE39" s="15"/>
      <c r="EF39" s="15"/>
      <c r="EG39" s="15"/>
      <c r="EH39" s="15"/>
      <c r="EI39" s="15"/>
      <c r="EJ39" s="15"/>
      <c r="EK39" s="15"/>
      <c r="EL39" s="15"/>
      <c r="EM39" s="15"/>
      <c r="EN39" s="15"/>
      <c r="EO39" s="15"/>
      <c r="EP39" s="15"/>
      <c r="EQ39" s="15"/>
      <c r="ER39" s="15"/>
      <c r="ES39" s="15"/>
      <c r="ET39" s="15"/>
      <c r="EU39" s="15"/>
      <c r="EV39" s="15"/>
      <c r="EW39" s="15"/>
      <c r="EX39" s="15"/>
      <c r="EY39" s="15"/>
      <c r="EZ39" s="15"/>
      <c r="FA39" s="15"/>
      <c r="FB39" s="15"/>
      <c r="FC39" s="15"/>
      <c r="FD39" s="15"/>
      <c r="FE39" s="15"/>
      <c r="FF39" s="15"/>
      <c r="FG39" s="15"/>
      <c r="FH39" s="15"/>
      <c r="FI39" s="15"/>
      <c r="FJ39" s="15"/>
      <c r="FK39" s="15"/>
      <c r="FL39" s="15"/>
      <c r="FM39" s="15"/>
      <c r="FN39" s="15"/>
      <c r="FO39" s="15"/>
      <c r="FP39" s="15"/>
      <c r="FQ39" s="15"/>
      <c r="FR39" s="15"/>
      <c r="FS39" s="15"/>
      <c r="FT39" s="15"/>
      <c r="FU39" s="15"/>
      <c r="FV39" s="15"/>
      <c r="FW39" s="15"/>
      <c r="FX39" s="15"/>
      <c r="FY39" s="15"/>
      <c r="FZ39" s="15"/>
      <c r="GA39" s="15"/>
      <c r="GB39" s="15"/>
      <c r="GC39" s="15"/>
      <c r="GD39" s="15"/>
      <c r="GE39" s="15"/>
      <c r="GF39" s="15"/>
      <c r="GG39" s="15"/>
      <c r="GH39" s="15"/>
      <c r="GI39" s="15"/>
      <c r="GJ39" s="15"/>
      <c r="GK39" s="15"/>
      <c r="GL39" s="15"/>
      <c r="GM39" s="15"/>
      <c r="GN39" s="15"/>
      <c r="GO39" s="15"/>
      <c r="GP39" s="15"/>
      <c r="GQ39" s="15"/>
      <c r="GR39" s="15"/>
      <c r="GS39" s="15"/>
      <c r="GT39" s="15"/>
      <c r="GU39" s="15"/>
      <c r="GV39" s="15"/>
      <c r="GW39" s="15"/>
      <c r="GX39" s="15"/>
      <c r="GY39" s="15"/>
      <c r="GZ39" s="15"/>
      <c r="HA39" s="15"/>
      <c r="HB39" s="15"/>
      <c r="HC39" s="15"/>
      <c r="HD39" s="15"/>
      <c r="HE39" s="15"/>
      <c r="HF39" s="15"/>
      <c r="HG39" s="15"/>
      <c r="HH39" s="15"/>
      <c r="HI39" s="15"/>
      <c r="HJ39" s="15"/>
      <c r="HK39" s="15"/>
      <c r="HL39" s="15"/>
      <c r="HM39" s="15"/>
      <c r="HN39" s="15"/>
      <c r="HO39" s="15"/>
      <c r="HP39" s="15"/>
      <c r="HQ39" s="15"/>
      <c r="HR39" s="15"/>
      <c r="HS39" s="15"/>
      <c r="HT39" s="15"/>
      <c r="HU39" s="15"/>
      <c r="HV39" s="15"/>
      <c r="HW39" s="15"/>
      <c r="HX39" s="15"/>
      <c r="HY39" s="15"/>
      <c r="HZ39" s="15"/>
      <c r="IA39" s="15"/>
      <c r="IB39" s="15"/>
      <c r="IC39" s="15"/>
      <c r="ID39" s="15"/>
      <c r="IE39" s="15"/>
      <c r="IF39" s="15"/>
      <c r="IG39" s="15"/>
      <c r="IH39" s="15"/>
      <c r="II39" s="15"/>
      <c r="IJ39" s="15"/>
      <c r="IK39" s="15"/>
      <c r="IL39" s="15"/>
      <c r="IM39" s="15"/>
      <c r="IN39" s="15"/>
      <c r="IO39" s="15"/>
      <c r="IP39" s="15"/>
      <c r="IQ39" s="15"/>
      <c r="IR39" s="15"/>
      <c r="IS39" s="15"/>
      <c r="IT39" s="15"/>
      <c r="IU39" s="15"/>
      <c r="IV39" s="15"/>
      <c r="IW39" s="15"/>
      <c r="IX39" s="15"/>
      <c r="IY39" s="15"/>
      <c r="IZ39" s="15"/>
      <c r="JA39" s="15"/>
      <c r="JB39" s="15"/>
      <c r="JC39" s="15"/>
      <c r="JD39" s="15"/>
      <c r="JE39" s="15"/>
      <c r="JF39" s="15"/>
      <c r="JG39" s="15"/>
      <c r="JH39" s="15"/>
      <c r="JI39" s="15"/>
      <c r="JJ39" s="15"/>
      <c r="JK39" s="15"/>
      <c r="JL39" s="15"/>
      <c r="JM39" s="15"/>
      <c r="JN39" s="15"/>
      <c r="JO39" s="15"/>
      <c r="JP39" s="15"/>
      <c r="JQ39" s="15"/>
      <c r="JR39" s="15"/>
      <c r="JS39" s="15"/>
      <c r="JT39" s="15"/>
      <c r="JU39" s="15"/>
      <c r="JV39" s="15"/>
      <c r="JW39" s="15"/>
      <c r="JX39" s="15"/>
      <c r="JY39" s="15"/>
      <c r="JZ39" s="15"/>
      <c r="KA39" s="15"/>
      <c r="KB39" s="15"/>
      <c r="KC39" s="15"/>
      <c r="KD39" s="15"/>
      <c r="KE39" s="15"/>
      <c r="KF39" s="15"/>
      <c r="KG39" s="15"/>
      <c r="KH39" s="15"/>
      <c r="KI39" s="15"/>
      <c r="KJ39" s="15"/>
      <c r="KK39" s="15"/>
      <c r="KL39" s="15"/>
      <c r="KM39" s="15"/>
      <c r="KN39" s="15"/>
      <c r="KO39" s="15"/>
      <c r="KP39" s="15"/>
      <c r="KQ39" s="15"/>
      <c r="KR39" s="15"/>
      <c r="KS39" s="15"/>
      <c r="KT39" s="15"/>
      <c r="KU39" s="15"/>
      <c r="KV39" s="15"/>
      <c r="KW39" s="15"/>
      <c r="KX39" s="15"/>
      <c r="KY39" s="15"/>
      <c r="KZ39" s="15"/>
      <c r="LA39" s="15"/>
      <c r="LB39" s="15"/>
      <c r="LC39" s="15"/>
      <c r="LD39" s="15"/>
      <c r="LE39" s="15"/>
      <c r="LF39" s="15"/>
      <c r="LG39" s="15"/>
      <c r="LH39" s="15"/>
      <c r="LI39" s="15"/>
      <c r="LJ39" s="15"/>
      <c r="LK39" s="15"/>
      <c r="LL39" s="15"/>
      <c r="LM39" s="15"/>
      <c r="LN39" s="15"/>
      <c r="LO39" s="15"/>
      <c r="LP39" s="15"/>
      <c r="LQ39" s="15"/>
      <c r="LR39" s="15"/>
      <c r="LS39" s="15"/>
      <c r="LT39" s="15"/>
      <c r="LU39" s="15"/>
      <c r="LV39" s="15"/>
      <c r="LW39" s="15"/>
      <c r="LX39" s="15"/>
      <c r="LY39" s="15"/>
      <c r="LZ39" s="15"/>
      <c r="MA39" s="15"/>
      <c r="MB39" s="15"/>
      <c r="MC39" s="15"/>
      <c r="MD39" s="15"/>
      <c r="ME39" s="15"/>
      <c r="MF39" s="15"/>
      <c r="MG39" s="15"/>
      <c r="MH39" s="15"/>
      <c r="MI39" s="15"/>
      <c r="MJ39" s="15"/>
      <c r="MK39" s="15"/>
      <c r="ML39" s="15"/>
      <c r="MM39" s="15"/>
      <c r="MN39" s="15"/>
      <c r="MO39" s="15"/>
      <c r="MP39" s="15"/>
      <c r="MQ39" s="15"/>
      <c r="MR39" s="15"/>
      <c r="MS39" s="15"/>
      <c r="MT39" s="15"/>
      <c r="MU39" s="15"/>
      <c r="MV39" s="15"/>
      <c r="MW39" s="15"/>
      <c r="MX39" s="15"/>
      <c r="MY39" s="15"/>
      <c r="MZ39" s="15"/>
      <c r="NA39" s="15"/>
      <c r="NB39" s="15"/>
      <c r="NC39" s="15"/>
      <c r="ND39" s="15"/>
      <c r="NE39" s="15"/>
      <c r="NF39" s="15"/>
      <c r="NG39" s="15"/>
      <c r="NH39" s="15"/>
      <c r="NI39" s="15"/>
      <c r="NJ39" s="15"/>
      <c r="NK39" s="15"/>
      <c r="NL39" s="15"/>
      <c r="NM39" s="15"/>
      <c r="NN39" s="15"/>
      <c r="NO39" s="15"/>
      <c r="NP39" s="15"/>
      <c r="NQ39" s="15"/>
      <c r="NR39" s="15"/>
      <c r="NS39" s="15"/>
      <c r="NT39" s="15"/>
      <c r="NU39" s="15"/>
      <c r="NV39" s="15"/>
      <c r="NW39" s="15"/>
      <c r="NX39" s="15"/>
      <c r="NY39" s="15"/>
      <c r="NZ39" s="15"/>
      <c r="OA39" s="15"/>
      <c r="OB39" s="15"/>
      <c r="OC39" s="15"/>
      <c r="OD39" s="15"/>
      <c r="OE39" s="15"/>
      <c r="OF39" s="15"/>
      <c r="OG39" s="15"/>
      <c r="OH39" s="15"/>
      <c r="OI39" s="15"/>
      <c r="OJ39" s="15"/>
      <c r="OK39" s="15"/>
      <c r="OL39" s="15"/>
      <c r="OM39" s="15"/>
      <c r="ON39" s="15"/>
      <c r="OO39" s="15"/>
      <c r="OP39" s="15"/>
      <c r="OQ39" s="15"/>
      <c r="OR39" s="15"/>
      <c r="OS39" s="15"/>
      <c r="OT39" s="15"/>
      <c r="OU39" s="15"/>
      <c r="OV39" s="15"/>
      <c r="OW39" s="15"/>
      <c r="OX39" s="15"/>
      <c r="OY39" s="15"/>
      <c r="OZ39" s="15"/>
      <c r="PA39" s="15"/>
      <c r="PB39" s="15"/>
      <c r="PC39" s="15"/>
      <c r="PD39" s="15"/>
      <c r="PE39" s="15"/>
      <c r="PF39" s="15"/>
      <c r="PG39" s="15"/>
      <c r="PH39" s="15"/>
      <c r="PI39" s="15"/>
      <c r="PJ39" s="15"/>
      <c r="PK39" s="15"/>
      <c r="PL39" s="15"/>
      <c r="PM39" s="15"/>
      <c r="PN39" s="15"/>
      <c r="PO39" s="15"/>
      <c r="PP39" s="15"/>
      <c r="PQ39" s="15"/>
      <c r="PR39" s="15"/>
      <c r="PS39" s="15"/>
      <c r="PT39" s="15"/>
      <c r="PU39" s="15"/>
      <c r="PV39" s="15"/>
      <c r="PW39" s="15"/>
      <c r="PX39" s="15"/>
      <c r="PY39" s="15"/>
      <c r="PZ39" s="15"/>
      <c r="QA39" s="15"/>
      <c r="QB39" s="15"/>
      <c r="QC39" s="15"/>
      <c r="QD39" s="15"/>
      <c r="QE39" s="15"/>
      <c r="QF39" s="15"/>
      <c r="QG39" s="15"/>
      <c r="QH39" s="15"/>
      <c r="QI39" s="15"/>
      <c r="QJ39" s="15"/>
      <c r="QK39" s="15"/>
      <c r="QL39" s="15"/>
      <c r="QM39" s="15"/>
      <c r="QN39" s="15"/>
      <c r="QO39" s="15"/>
      <c r="QP39" s="15"/>
      <c r="QQ39" s="15"/>
      <c r="QR39" s="15"/>
      <c r="QS39" s="15"/>
      <c r="QT39" s="15"/>
      <c r="QU39" s="15"/>
      <c r="QV39" s="15"/>
      <c r="QW39" s="15"/>
      <c r="QX39" s="15"/>
      <c r="QY39" s="15"/>
      <c r="QZ39" s="15"/>
      <c r="RA39" s="15"/>
      <c r="RB39" s="15"/>
      <c r="RC39" s="15"/>
      <c r="RD39" s="15"/>
      <c r="RE39" s="15"/>
      <c r="RF39" s="15"/>
      <c r="RG39" s="15"/>
      <c r="RH39" s="15"/>
      <c r="RI39" s="15"/>
      <c r="RJ39" s="15"/>
      <c r="RK39" s="15"/>
      <c r="RL39" s="15"/>
      <c r="RM39" s="15"/>
      <c r="RN39" s="15"/>
      <c r="RO39" s="15"/>
      <c r="RP39" s="15"/>
      <c r="RQ39" s="15"/>
      <c r="RR39" s="15"/>
      <c r="RS39" s="15"/>
      <c r="RT39" s="15"/>
      <c r="RU39" s="15"/>
      <c r="RV39" s="15"/>
      <c r="RW39" s="15"/>
      <c r="RX39" s="15"/>
      <c r="RY39" s="15"/>
      <c r="RZ39" s="15"/>
      <c r="SA39" s="15"/>
      <c r="SB39" s="15"/>
      <c r="SC39" s="15"/>
      <c r="SD39" s="15"/>
      <c r="SE39" s="15"/>
      <c r="SF39" s="15"/>
      <c r="SG39" s="15"/>
      <c r="SH39" s="15"/>
      <c r="SI39" s="15"/>
      <c r="SJ39" s="15"/>
      <c r="SK39" s="15"/>
      <c r="SL39" s="15"/>
      <c r="SM39" s="15"/>
      <c r="SN39" s="15"/>
      <c r="SO39" s="15"/>
      <c r="SP39" s="15"/>
      <c r="SQ39" s="15"/>
      <c r="SR39" s="15"/>
      <c r="SS39" s="15"/>
      <c r="ST39" s="15"/>
      <c r="SU39" s="15"/>
      <c r="SV39" s="15"/>
      <c r="SW39" s="15"/>
      <c r="SX39" s="15"/>
      <c r="SY39" s="15"/>
      <c r="SZ39" s="15"/>
      <c r="TA39" s="15"/>
      <c r="TB39" s="15"/>
      <c r="TC39" s="15"/>
      <c r="TD39" s="15"/>
      <c r="TE39" s="15"/>
      <c r="TF39" s="15"/>
      <c r="TG39" s="15"/>
      <c r="TH39" s="15"/>
      <c r="TI39" s="15"/>
      <c r="TJ39" s="15"/>
      <c r="TK39" s="15"/>
      <c r="TL39" s="15"/>
      <c r="TM39" s="15"/>
      <c r="TN39" s="15"/>
      <c r="TO39" s="15"/>
      <c r="TP39" s="15"/>
      <c r="TQ39" s="15"/>
      <c r="TR39" s="15"/>
      <c r="TS39" s="15"/>
      <c r="TT39" s="15"/>
      <c r="TU39" s="15"/>
      <c r="TV39" s="15"/>
      <c r="TW39" s="15"/>
      <c r="TX39" s="15"/>
      <c r="TY39" s="15"/>
      <c r="TZ39" s="15"/>
      <c r="UA39" s="15"/>
      <c r="UB39" s="15"/>
      <c r="UC39" s="15"/>
      <c r="UD39" s="15"/>
      <c r="UE39" s="15"/>
      <c r="UF39" s="15"/>
      <c r="UG39" s="15"/>
      <c r="UH39" s="15"/>
      <c r="UI39" s="15"/>
      <c r="UJ39" s="15"/>
      <c r="UK39" s="15"/>
      <c r="UL39" s="15"/>
      <c r="UM39" s="15"/>
      <c r="UN39" s="15"/>
      <c r="UO39" s="15"/>
      <c r="UP39" s="15"/>
      <c r="UQ39" s="15"/>
      <c r="UR39" s="15"/>
      <c r="US39" s="15"/>
      <c r="UT39" s="15"/>
      <c r="UU39" s="15"/>
      <c r="UV39" s="15"/>
      <c r="UW39" s="15"/>
      <c r="UX39" s="15"/>
      <c r="UY39" s="15"/>
      <c r="UZ39" s="15"/>
      <c r="VA39" s="15"/>
      <c r="VB39" s="15"/>
      <c r="VC39" s="15"/>
      <c r="VD39" s="15"/>
      <c r="VE39" s="15"/>
      <c r="VF39" s="15"/>
      <c r="VG39" s="15"/>
      <c r="VH39" s="15"/>
      <c r="VI39" s="15"/>
      <c r="VJ39" s="15"/>
      <c r="VK39" s="15"/>
      <c r="VL39" s="15"/>
      <c r="VM39" s="15"/>
      <c r="VN39" s="15"/>
      <c r="VO39" s="15"/>
      <c r="VP39" s="15"/>
      <c r="VQ39" s="15"/>
      <c r="VR39" s="15"/>
      <c r="VS39" s="15"/>
      <c r="VT39" s="15"/>
      <c r="VU39" s="15"/>
      <c r="VV39" s="15"/>
      <c r="VW39" s="15"/>
      <c r="VX39" s="15"/>
      <c r="VY39" s="15"/>
      <c r="VZ39" s="15"/>
      <c r="WA39" s="15"/>
      <c r="WB39" s="15"/>
      <c r="WC39" s="15"/>
      <c r="WD39" s="15"/>
      <c r="WE39" s="15"/>
      <c r="WF39" s="15"/>
      <c r="WG39" s="15"/>
      <c r="WH39" s="15"/>
      <c r="WI39" s="15"/>
      <c r="WJ39" s="15"/>
      <c r="WK39" s="15"/>
      <c r="WL39" s="15"/>
      <c r="WM39" s="15"/>
      <c r="WN39" s="15"/>
      <c r="WO39" s="15"/>
      <c r="WP39" s="15"/>
      <c r="WQ39" s="15"/>
      <c r="WR39" s="15"/>
      <c r="WS39" s="15"/>
      <c r="WT39" s="15"/>
      <c r="WU39" s="15"/>
      <c r="WV39" s="15"/>
      <c r="WW39" s="15"/>
      <c r="WX39" s="15"/>
      <c r="WY39" s="15"/>
      <c r="WZ39" s="15"/>
      <c r="XA39" s="15"/>
      <c r="XB39" s="15"/>
      <c r="XC39" s="15"/>
      <c r="XD39" s="15"/>
      <c r="XE39" s="15"/>
      <c r="XF39" s="15"/>
      <c r="XG39" s="15"/>
      <c r="XH39" s="15"/>
      <c r="XI39" s="15"/>
      <c r="XJ39" s="15"/>
      <c r="XK39" s="15"/>
      <c r="XL39" s="15"/>
      <c r="XM39" s="15"/>
      <c r="XN39" s="15"/>
      <c r="XO39" s="15"/>
      <c r="XP39" s="15"/>
      <c r="XQ39" s="15"/>
      <c r="XR39" s="15"/>
      <c r="XS39" s="15"/>
      <c r="XT39" s="15"/>
      <c r="XU39" s="15"/>
      <c r="XV39" s="15"/>
      <c r="XW39" s="15"/>
      <c r="XX39" s="15"/>
      <c r="XY39" s="15"/>
      <c r="XZ39" s="15"/>
      <c r="YA39" s="15"/>
      <c r="YB39" s="15"/>
      <c r="YC39" s="15"/>
      <c r="YD39" s="15"/>
      <c r="YE39" s="15"/>
      <c r="YF39" s="15"/>
      <c r="YG39" s="15"/>
      <c r="YH39" s="15"/>
      <c r="YI39" s="15"/>
      <c r="YJ39" s="15"/>
      <c r="YK39" s="15"/>
      <c r="YL39" s="15"/>
      <c r="YM39" s="15"/>
      <c r="YN39" s="15"/>
      <c r="YO39" s="15"/>
      <c r="YP39" s="15"/>
      <c r="YQ39" s="15"/>
      <c r="YR39" s="15"/>
      <c r="YS39" s="15"/>
      <c r="YT39" s="15"/>
      <c r="YU39" s="15"/>
      <c r="YV39" s="15"/>
      <c r="YW39" s="15"/>
      <c r="YX39" s="15"/>
      <c r="YY39" s="15"/>
      <c r="YZ39" s="15"/>
      <c r="ZA39" s="15"/>
      <c r="ZB39" s="15"/>
      <c r="ZC39" s="15"/>
      <c r="ZD39" s="15"/>
      <c r="ZE39" s="15"/>
      <c r="ZF39" s="15"/>
      <c r="ZG39" s="15"/>
      <c r="ZH39" s="15"/>
      <c r="ZI39" s="15"/>
      <c r="ZJ39" s="15"/>
      <c r="ZK39" s="15"/>
      <c r="ZL39" s="15"/>
      <c r="ZM39" s="15"/>
      <c r="ZN39" s="15"/>
      <c r="ZO39" s="15"/>
      <c r="ZP39" s="15"/>
      <c r="ZQ39" s="15"/>
      <c r="ZR39" s="15"/>
      <c r="ZS39" s="15"/>
      <c r="ZT39" s="15"/>
      <c r="ZU39" s="15"/>
      <c r="ZV39" s="15"/>
      <c r="ZW39" s="15"/>
      <c r="ZX39" s="15"/>
      <c r="ZY39" s="15"/>
      <c r="ZZ39" s="15"/>
      <c r="AAA39" s="15"/>
      <c r="AAB39" s="15"/>
      <c r="AAC39" s="15"/>
      <c r="AAD39" s="15"/>
      <c r="AAE39" s="15"/>
      <c r="AAF39" s="15"/>
      <c r="AAG39" s="15"/>
      <c r="AAH39" s="15"/>
      <c r="AAI39" s="15"/>
      <c r="AAJ39" s="15"/>
      <c r="AAK39" s="15"/>
      <c r="AAL39" s="15"/>
      <c r="AAM39" s="15"/>
      <c r="AAN39" s="15"/>
      <c r="AAO39" s="15"/>
      <c r="AAP39" s="15"/>
      <c r="AAQ39" s="15"/>
      <c r="AAR39" s="15"/>
      <c r="AAS39" s="15"/>
      <c r="AAT39" s="15"/>
      <c r="AAU39" s="15"/>
      <c r="AAV39" s="15"/>
      <c r="AAW39" s="15"/>
      <c r="AAX39" s="15"/>
      <c r="AAY39" s="15"/>
      <c r="AAZ39" s="15"/>
      <c r="ABA39" s="15"/>
      <c r="ABB39" s="15"/>
      <c r="ABC39" s="15"/>
      <c r="ABD39" s="15"/>
      <c r="ABE39" s="15"/>
      <c r="ABF39" s="15"/>
      <c r="ABG39" s="15"/>
      <c r="ABH39" s="15"/>
      <c r="ABI39" s="15"/>
      <c r="ABJ39" s="15"/>
      <c r="ABK39" s="15"/>
      <c r="ABL39" s="15"/>
      <c r="ABM39" s="15"/>
      <c r="ABN39" s="15"/>
      <c r="ABO39" s="15"/>
      <c r="ABP39" s="15"/>
      <c r="ABQ39" s="15"/>
      <c r="ABR39" s="15"/>
      <c r="ABS39" s="15"/>
      <c r="ABT39" s="15"/>
      <c r="ABU39" s="15"/>
      <c r="ABV39" s="15"/>
      <c r="ABW39" s="15"/>
      <c r="ABX39" s="15"/>
      <c r="ABY39" s="15"/>
      <c r="ABZ39" s="15"/>
      <c r="ACA39" s="15"/>
      <c r="ACB39" s="15"/>
      <c r="ACC39" s="15"/>
      <c r="ACD39" s="15"/>
      <c r="ACE39" s="15"/>
      <c r="ACF39" s="15"/>
      <c r="ACG39" s="15"/>
      <c r="ACH39" s="15"/>
      <c r="ACI39" s="15"/>
      <c r="ACJ39" s="15"/>
      <c r="ACK39" s="15"/>
      <c r="ACL39" s="15"/>
      <c r="ACM39" s="15"/>
      <c r="ACN39" s="15"/>
      <c r="ACO39" s="15"/>
      <c r="ACP39" s="15"/>
      <c r="ACQ39" s="15"/>
      <c r="ACR39" s="15"/>
      <c r="ACS39" s="15"/>
      <c r="ACT39" s="15"/>
      <c r="ACU39" s="15"/>
      <c r="ACV39" s="15"/>
      <c r="ACW39" s="15"/>
      <c r="ACX39" s="15"/>
      <c r="ACY39" s="15"/>
      <c r="ACZ39" s="15"/>
      <c r="ADA39" s="15"/>
      <c r="ADB39" s="15"/>
      <c r="ADC39" s="15"/>
      <c r="ADD39" s="15"/>
      <c r="ADE39" s="15"/>
      <c r="ADF39" s="15"/>
      <c r="ADG39" s="15"/>
      <c r="ADH39" s="15"/>
      <c r="ADI39" s="15"/>
      <c r="ADJ39" s="15"/>
      <c r="ADK39" s="15"/>
      <c r="ADL39" s="15"/>
      <c r="ADM39" s="15"/>
      <c r="ADN39" s="15"/>
      <c r="ADO39" s="15"/>
      <c r="ADP39" s="15"/>
      <c r="ADQ39" s="15"/>
      <c r="ADR39" s="15"/>
      <c r="ADS39" s="15"/>
      <c r="ADT39" s="15"/>
      <c r="ADU39" s="15"/>
      <c r="ADV39" s="15"/>
      <c r="ADW39" s="15"/>
      <c r="ADX39" s="15"/>
      <c r="ADY39" s="15"/>
      <c r="ADZ39" s="15"/>
      <c r="AEA39" s="15"/>
      <c r="AEB39" s="15"/>
      <c r="AEC39" s="15"/>
      <c r="AED39" s="15"/>
      <c r="AEE39" s="15"/>
      <c r="AEF39" s="15"/>
      <c r="AEG39" s="15"/>
      <c r="AEH39" s="15"/>
      <c r="AEI39" s="15"/>
      <c r="AEJ39" s="15"/>
      <c r="AEK39" s="15"/>
      <c r="AEL39" s="15"/>
      <c r="AEM39" s="15"/>
      <c r="AEN39" s="15"/>
      <c r="AEO39" s="15"/>
      <c r="AEP39" s="15"/>
      <c r="AEQ39" s="15"/>
      <c r="AER39" s="15"/>
      <c r="AES39" s="15"/>
      <c r="AET39" s="15"/>
      <c r="AEU39" s="15"/>
      <c r="AEV39" s="15"/>
      <c r="AEW39" s="15"/>
      <c r="AEX39" s="15"/>
      <c r="AEY39" s="15"/>
      <c r="AEZ39" s="15"/>
      <c r="AFA39" s="15"/>
      <c r="AFB39" s="15"/>
      <c r="AFC39" s="15"/>
      <c r="AFD39" s="15"/>
      <c r="AFE39" s="15"/>
      <c r="AFF39" s="15"/>
      <c r="AFG39" s="15"/>
      <c r="AFH39" s="15"/>
      <c r="AFI39" s="15"/>
      <c r="AFJ39" s="15"/>
      <c r="AFK39" s="15"/>
      <c r="AFL39" s="15"/>
      <c r="AFM39" s="15"/>
      <c r="AFN39" s="15"/>
      <c r="AFO39" s="15"/>
      <c r="AFP39" s="15"/>
      <c r="AFQ39" s="15"/>
      <c r="AFR39" s="15"/>
      <c r="AFS39" s="15"/>
      <c r="AFT39" s="15"/>
      <c r="AFU39" s="15"/>
      <c r="AFV39" s="15"/>
      <c r="AFW39" s="15"/>
      <c r="AFX39" s="15"/>
      <c r="AFY39" s="15"/>
      <c r="AFZ39" s="15"/>
      <c r="AGA39" s="15"/>
      <c r="AGB39" s="15"/>
      <c r="AGC39" s="15"/>
      <c r="AGD39" s="15"/>
      <c r="AGE39" s="15"/>
      <c r="AGF39" s="15"/>
      <c r="AGG39" s="15"/>
      <c r="AGH39" s="15"/>
      <c r="AGI39" s="15"/>
      <c r="AGJ39" s="15"/>
      <c r="AGK39" s="15"/>
      <c r="AGL39" s="15"/>
      <c r="AGM39" s="15"/>
      <c r="AGN39" s="15"/>
      <c r="AGO39" s="15"/>
      <c r="AGP39" s="15"/>
      <c r="AGQ39" s="15"/>
      <c r="AGR39" s="15"/>
      <c r="AGS39" s="15"/>
      <c r="AGT39" s="15"/>
      <c r="AGU39" s="15"/>
      <c r="AGV39" s="15"/>
      <c r="AGW39" s="15"/>
      <c r="AGX39" s="15"/>
      <c r="AGY39" s="15"/>
      <c r="AGZ39" s="15"/>
      <c r="AHA39" s="15"/>
      <c r="AHB39" s="15"/>
      <c r="AHC39" s="15"/>
      <c r="AHD39" s="15"/>
      <c r="AHE39" s="15"/>
      <c r="AHF39" s="15"/>
      <c r="AHG39" s="15"/>
      <c r="AHH39" s="15"/>
      <c r="AHI39" s="15"/>
      <c r="AHJ39" s="15"/>
      <c r="AHK39" s="15"/>
      <c r="AHL39" s="15"/>
      <c r="AHM39" s="15"/>
      <c r="AHN39" s="15"/>
      <c r="AHO39" s="15"/>
      <c r="AHP39" s="15"/>
      <c r="AHQ39" s="15"/>
      <c r="AHR39" s="15"/>
      <c r="AHS39" s="15"/>
      <c r="AHT39" s="15"/>
      <c r="AHU39" s="15"/>
      <c r="AHV39" s="15"/>
      <c r="AHW39" s="15"/>
      <c r="AHX39" s="15"/>
      <c r="AHY39" s="15"/>
      <c r="AHZ39" s="15"/>
      <c r="AIA39" s="15"/>
      <c r="AIB39" s="15"/>
      <c r="AIC39" s="15"/>
      <c r="AID39" s="15"/>
      <c r="AIE39" s="15"/>
      <c r="AIF39" s="15"/>
      <c r="AIG39" s="15"/>
      <c r="AIH39" s="15"/>
      <c r="AII39" s="15"/>
      <c r="AIJ39" s="15"/>
      <c r="AIK39" s="15"/>
      <c r="AIL39" s="15"/>
      <c r="AIM39" s="15"/>
      <c r="AIN39" s="15"/>
      <c r="AIO39" s="15"/>
      <c r="AIP39" s="15"/>
      <c r="AIQ39" s="15"/>
      <c r="AIR39" s="15"/>
      <c r="AIS39" s="15"/>
      <c r="AIT39" s="15"/>
      <c r="AIU39" s="15"/>
      <c r="AIV39" s="15"/>
      <c r="AIW39" s="15"/>
      <c r="AIX39" s="15"/>
      <c r="AIY39" s="15"/>
      <c r="AIZ39" s="15"/>
      <c r="AJA39" s="15"/>
      <c r="AJB39" s="15"/>
      <c r="AJC39" s="15"/>
      <c r="AJD39" s="15"/>
      <c r="AJE39" s="15"/>
      <c r="AJF39" s="15"/>
      <c r="AJG39" s="15"/>
      <c r="AJH39" s="15"/>
      <c r="AJI39" s="15"/>
      <c r="AJJ39" s="15"/>
      <c r="AJK39" s="15"/>
      <c r="AJL39" s="15"/>
      <c r="AJM39" s="15"/>
      <c r="AJN39" s="15"/>
      <c r="AJO39" s="15"/>
      <c r="AJP39" s="15"/>
      <c r="AJQ39" s="15"/>
      <c r="AJR39" s="15"/>
      <c r="AJS39" s="15"/>
      <c r="AJT39" s="15"/>
      <c r="AJU39" s="15"/>
      <c r="AJV39" s="15"/>
      <c r="AJW39" s="15"/>
      <c r="AJX39" s="15"/>
      <c r="AJY39" s="15"/>
      <c r="AJZ39" s="15"/>
      <c r="AKA39" s="15"/>
      <c r="AKB39" s="15"/>
      <c r="AKC39" s="15"/>
      <c r="AKD39" s="15"/>
      <c r="AKE39" s="15"/>
      <c r="AKF39" s="15"/>
      <c r="AKG39" s="15"/>
      <c r="AKH39" s="15"/>
      <c r="AKI39" s="15"/>
      <c r="AKJ39" s="15"/>
      <c r="AKK39" s="15"/>
      <c r="AKL39" s="15"/>
      <c r="AKM39" s="15"/>
      <c r="AKN39" s="15"/>
      <c r="AKO39" s="15"/>
      <c r="AKP39" s="15"/>
      <c r="AKQ39" s="15"/>
      <c r="AKR39" s="15"/>
      <c r="AKS39" s="15"/>
      <c r="AKT39" s="15"/>
      <c r="AKU39" s="15"/>
      <c r="AKV39" s="15"/>
      <c r="AKW39" s="15"/>
      <c r="AKX39" s="15"/>
      <c r="AKY39" s="15"/>
      <c r="AKZ39" s="15"/>
      <c r="ALA39" s="15"/>
      <c r="ALB39" s="15"/>
      <c r="ALC39" s="15"/>
      <c r="ALD39" s="15"/>
      <c r="ALE39" s="15"/>
      <c r="ALF39" s="15"/>
      <c r="ALG39" s="15"/>
      <c r="ALH39" s="15"/>
      <c r="ALI39" s="15"/>
      <c r="ALJ39" s="15"/>
      <c r="ALK39" s="15"/>
      <c r="ALL39" s="15"/>
      <c r="ALM39" s="15"/>
      <c r="ALN39" s="15"/>
      <c r="ALO39" s="15"/>
      <c r="ALP39" s="15"/>
      <c r="ALQ39" s="15"/>
      <c r="ALR39" s="15"/>
      <c r="ALS39" s="15"/>
      <c r="ALT39" s="15"/>
      <c r="ALU39" s="15"/>
      <c r="ALV39" s="15"/>
      <c r="ALW39" s="15"/>
      <c r="ALX39" s="15"/>
      <c r="ALY39" s="15"/>
      <c r="ALZ39" s="15"/>
      <c r="AMA39" s="15"/>
      <c r="AMB39" s="15"/>
      <c r="AMC39" s="15"/>
      <c r="AMD39" s="15"/>
      <c r="AME39" s="15"/>
      <c r="AMF39" s="15"/>
      <c r="AMG39" s="15"/>
      <c r="AMH39" s="15"/>
      <c r="AMI39" s="15"/>
      <c r="AMJ39" s="15"/>
      <c r="AMK39" s="15"/>
      <c r="AML39" s="15"/>
      <c r="AMM39" s="15"/>
      <c r="AMN39" s="15"/>
      <c r="AMO39" s="15"/>
      <c r="AMP39" s="15"/>
      <c r="AMQ39" s="15"/>
      <c r="AMR39" s="15"/>
      <c r="AMS39" s="15"/>
      <c r="AMT39" s="15"/>
      <c r="AMU39" s="15"/>
      <c r="AMV39" s="15"/>
      <c r="AMW39" s="15"/>
      <c r="AMX39" s="15"/>
      <c r="AMY39" s="15"/>
      <c r="AMZ39" s="15"/>
      <c r="ANA39" s="15"/>
      <c r="ANB39" s="15"/>
      <c r="ANC39" s="15"/>
      <c r="AND39" s="15"/>
      <c r="ANE39" s="15"/>
      <c r="ANF39" s="15"/>
      <c r="ANG39" s="15"/>
      <c r="ANH39" s="15"/>
      <c r="ANI39" s="15"/>
      <c r="ANJ39" s="15"/>
      <c r="ANK39" s="15"/>
      <c r="ANL39" s="15"/>
      <c r="ANM39" s="15"/>
      <c r="ANN39" s="15"/>
      <c r="ANO39" s="15"/>
      <c r="ANP39" s="15"/>
      <c r="ANQ39" s="15"/>
      <c r="ANR39" s="15"/>
      <c r="ANS39" s="15"/>
      <c r="ANT39" s="15"/>
      <c r="ANU39" s="15"/>
      <c r="ANV39" s="15"/>
      <c r="ANW39" s="15"/>
      <c r="ANX39" s="15"/>
      <c r="ANY39" s="15"/>
      <c r="ANZ39" s="15"/>
      <c r="AOA39" s="15"/>
      <c r="AOB39" s="15"/>
      <c r="AOC39" s="15"/>
      <c r="AOD39" s="15"/>
      <c r="AOE39" s="15"/>
      <c r="AOF39" s="15"/>
      <c r="AOG39" s="15"/>
      <c r="AOH39" s="15"/>
      <c r="AOI39" s="15"/>
      <c r="AOJ39" s="15"/>
      <c r="AOK39" s="15"/>
      <c r="AOL39" s="15"/>
      <c r="AOM39" s="15"/>
      <c r="AON39" s="15"/>
      <c r="AOO39" s="15"/>
      <c r="AOP39" s="15"/>
      <c r="AOQ39" s="15"/>
      <c r="AOR39" s="15"/>
      <c r="AOS39" s="15"/>
      <c r="AOT39" s="15"/>
      <c r="AOU39" s="15"/>
      <c r="AOV39" s="15"/>
      <c r="AOW39" s="15"/>
      <c r="AOX39" s="15"/>
      <c r="AOY39" s="15"/>
      <c r="AOZ39" s="15"/>
      <c r="APA39" s="15"/>
      <c r="APB39" s="15"/>
      <c r="APC39" s="15"/>
      <c r="APD39" s="15"/>
      <c r="APE39" s="15"/>
      <c r="APF39" s="15"/>
      <c r="APG39" s="15"/>
      <c r="APH39" s="15"/>
      <c r="API39" s="15"/>
      <c r="APJ39" s="15"/>
      <c r="APK39" s="15"/>
      <c r="APL39" s="15"/>
      <c r="APM39" s="15"/>
      <c r="APN39" s="15"/>
      <c r="APO39" s="15"/>
      <c r="APP39" s="15"/>
      <c r="APQ39" s="15"/>
      <c r="APR39" s="15"/>
      <c r="APS39" s="15"/>
      <c r="APT39" s="15"/>
      <c r="APU39" s="15"/>
      <c r="APV39" s="15"/>
      <c r="APW39" s="15"/>
      <c r="APX39" s="15"/>
      <c r="APY39" s="15"/>
      <c r="APZ39" s="15"/>
      <c r="AQA39" s="15"/>
      <c r="AQB39" s="15"/>
      <c r="AQC39" s="15"/>
      <c r="AQD39" s="15"/>
      <c r="AQE39" s="15"/>
      <c r="AQF39" s="15"/>
      <c r="AQG39" s="15"/>
      <c r="AQH39" s="15"/>
      <c r="AQI39" s="15"/>
      <c r="AQJ39" s="15"/>
      <c r="AQK39" s="15"/>
      <c r="AQL39" s="15"/>
      <c r="AQM39" s="15"/>
      <c r="AQN39" s="15"/>
      <c r="AQO39" s="15"/>
      <c r="AQP39" s="15"/>
      <c r="AQQ39" s="15"/>
      <c r="AQR39" s="15"/>
      <c r="AQS39" s="15"/>
      <c r="AQT39" s="15"/>
      <c r="AQU39" s="15"/>
      <c r="AQV39" s="15"/>
      <c r="AQW39" s="15"/>
      <c r="AQX39" s="15"/>
      <c r="AQY39" s="15"/>
      <c r="AQZ39" s="15"/>
      <c r="ARA39" s="15"/>
      <c r="ARB39" s="15"/>
      <c r="ARC39" s="15"/>
      <c r="ARD39" s="15"/>
      <c r="ARE39" s="15"/>
      <c r="ARF39" s="15"/>
      <c r="ARG39" s="15"/>
      <c r="ARH39" s="15"/>
      <c r="ARI39" s="15"/>
      <c r="ARJ39" s="15"/>
      <c r="ARK39" s="15"/>
      <c r="ARL39" s="15"/>
      <c r="ARM39" s="15"/>
      <c r="ARN39" s="15"/>
      <c r="ARO39" s="15"/>
      <c r="ARP39" s="15"/>
      <c r="ARQ39" s="15"/>
      <c r="ARR39" s="15"/>
      <c r="ARS39" s="15"/>
      <c r="ART39" s="15"/>
      <c r="ARU39" s="15"/>
      <c r="ARV39" s="15"/>
      <c r="ARW39" s="15"/>
      <c r="ARX39" s="15"/>
      <c r="ARY39" s="15"/>
      <c r="ARZ39" s="15"/>
      <c r="ASA39" s="15"/>
      <c r="ASB39" s="15"/>
      <c r="ASC39" s="15"/>
      <c r="ASD39" s="15"/>
      <c r="ASE39" s="15"/>
      <c r="ASF39" s="15"/>
      <c r="ASG39" s="15"/>
      <c r="ASH39" s="15"/>
      <c r="ASI39" s="15"/>
      <c r="ASJ39" s="15"/>
      <c r="ASK39" s="15"/>
      <c r="ASL39" s="15"/>
      <c r="ASM39" s="15"/>
      <c r="ASN39" s="15"/>
      <c r="ASO39" s="15"/>
      <c r="ASP39" s="15"/>
      <c r="ASQ39" s="15"/>
      <c r="ASR39" s="15"/>
      <c r="ASS39" s="15"/>
      <c r="AST39" s="15"/>
      <c r="ASU39" s="15"/>
      <c r="ASV39" s="15"/>
      <c r="ASW39" s="15"/>
      <c r="ASX39" s="15"/>
      <c r="ASY39" s="15"/>
      <c r="ASZ39" s="15"/>
      <c r="ATA39" s="15"/>
      <c r="ATB39" s="15"/>
      <c r="ATC39" s="15"/>
      <c r="ATD39" s="15"/>
      <c r="ATE39" s="15"/>
      <c r="ATF39" s="15"/>
      <c r="ATG39" s="15"/>
      <c r="ATH39" s="15"/>
      <c r="ATI39" s="15"/>
      <c r="ATJ39" s="15"/>
      <c r="ATK39" s="15"/>
      <c r="ATL39" s="15"/>
      <c r="ATM39" s="15"/>
      <c r="ATN39" s="15"/>
      <c r="ATO39" s="15"/>
      <c r="ATP39" s="15"/>
      <c r="ATQ39" s="15"/>
      <c r="ATR39" s="15"/>
      <c r="ATS39" s="15"/>
      <c r="ATT39" s="15"/>
      <c r="ATU39" s="15"/>
      <c r="ATV39" s="15"/>
      <c r="ATW39" s="15"/>
      <c r="ATX39" s="15"/>
      <c r="ATY39" s="15"/>
      <c r="ATZ39" s="15"/>
      <c r="AUA39" s="15"/>
      <c r="AUB39" s="15"/>
      <c r="AUC39" s="15"/>
      <c r="AUD39" s="15"/>
      <c r="AUE39" s="15"/>
      <c r="AUF39" s="15"/>
      <c r="AUG39" s="15"/>
      <c r="AUH39" s="15"/>
      <c r="AUI39" s="15"/>
      <c r="AUJ39" s="15"/>
      <c r="AUK39" s="15"/>
      <c r="AUL39" s="15"/>
      <c r="AUM39" s="15"/>
      <c r="AUN39" s="15"/>
      <c r="AUO39" s="15"/>
      <c r="AUP39" s="15"/>
      <c r="AUQ39" s="15"/>
      <c r="AUR39" s="15"/>
      <c r="AUS39" s="15"/>
      <c r="AUT39" s="15"/>
      <c r="AUU39" s="15"/>
      <c r="AUV39" s="15"/>
      <c r="AUW39" s="15"/>
      <c r="AUX39" s="15"/>
      <c r="AUY39" s="15"/>
      <c r="AUZ39" s="15"/>
      <c r="AVA39" s="15"/>
      <c r="AVB39" s="15"/>
      <c r="AVC39" s="15"/>
      <c r="AVD39" s="15"/>
      <c r="AVE39" s="15"/>
      <c r="AVF39" s="15"/>
      <c r="AVG39" s="15"/>
      <c r="AVH39" s="15"/>
      <c r="AVI39" s="15"/>
      <c r="AVJ39" s="15"/>
      <c r="AVK39" s="15"/>
      <c r="AVL39" s="15"/>
      <c r="AVM39" s="15"/>
      <c r="AVN39" s="15"/>
      <c r="AVO39" s="15"/>
      <c r="AVP39" s="15"/>
      <c r="AVQ39" s="15"/>
      <c r="AVR39" s="15"/>
      <c r="AVS39" s="15"/>
      <c r="AVT39" s="15"/>
      <c r="AVU39" s="15"/>
      <c r="AVV39" s="15"/>
      <c r="AVW39" s="15"/>
      <c r="AVX39" s="15"/>
      <c r="AVY39" s="15"/>
      <c r="AVZ39" s="15"/>
      <c r="AWA39" s="15"/>
      <c r="AWB39" s="15"/>
      <c r="AWC39" s="15"/>
      <c r="AWD39" s="15"/>
      <c r="AWE39" s="15"/>
      <c r="AWF39" s="15"/>
      <c r="AWG39" s="15"/>
      <c r="AWH39" s="15"/>
      <c r="AWI39" s="15"/>
      <c r="AWJ39" s="15"/>
      <c r="AWK39" s="15"/>
      <c r="AWL39" s="15"/>
      <c r="AWM39" s="15"/>
      <c r="AWN39" s="15"/>
      <c r="AWO39" s="15"/>
      <c r="AWP39" s="15"/>
      <c r="AWQ39" s="15"/>
      <c r="AWR39" s="15"/>
      <c r="AWS39" s="15"/>
      <c r="AWT39" s="15"/>
      <c r="AWU39" s="15"/>
      <c r="AWV39" s="15"/>
      <c r="AWW39" s="15"/>
      <c r="AWX39" s="15"/>
      <c r="AWY39" s="15"/>
      <c r="AWZ39" s="15"/>
      <c r="AXA39" s="15"/>
      <c r="AXB39" s="15"/>
      <c r="AXC39" s="15"/>
      <c r="AXD39" s="15"/>
      <c r="AXE39" s="15"/>
      <c r="AXF39" s="15"/>
      <c r="AXG39" s="15"/>
      <c r="AXH39" s="15"/>
      <c r="AXI39" s="15"/>
      <c r="AXJ39" s="15"/>
      <c r="AXK39" s="15"/>
      <c r="AXL39" s="15"/>
      <c r="AXM39" s="15"/>
      <c r="AXN39" s="15"/>
      <c r="AXO39" s="15"/>
      <c r="AXP39" s="15"/>
      <c r="AXQ39" s="15"/>
      <c r="AXR39" s="15"/>
      <c r="AXS39" s="15"/>
      <c r="AXT39" s="15"/>
      <c r="AXU39" s="15"/>
      <c r="AXV39" s="15"/>
      <c r="AXW39" s="15"/>
      <c r="AXX39" s="15"/>
      <c r="AXY39" s="15"/>
      <c r="AXZ39" s="15"/>
      <c r="AYA39" s="15"/>
      <c r="AYB39" s="15"/>
      <c r="AYC39" s="15"/>
      <c r="AYD39" s="15"/>
      <c r="AYE39" s="15"/>
      <c r="AYF39" s="15"/>
      <c r="AYG39" s="15"/>
      <c r="AYH39" s="15"/>
      <c r="AYI39" s="15"/>
      <c r="AYJ39" s="15"/>
      <c r="AYK39" s="15"/>
      <c r="AYL39" s="15"/>
      <c r="AYM39" s="15"/>
      <c r="AYN39" s="15"/>
      <c r="AYO39" s="15"/>
      <c r="AYP39" s="15"/>
      <c r="AYQ39" s="15"/>
      <c r="AYR39" s="15"/>
      <c r="AYS39" s="15"/>
      <c r="AYT39" s="15"/>
      <c r="AYU39" s="15"/>
      <c r="AYV39" s="15"/>
      <c r="AYW39" s="15"/>
      <c r="AYX39" s="15"/>
      <c r="AYY39" s="15"/>
      <c r="AYZ39" s="15"/>
      <c r="AZA39" s="15"/>
      <c r="AZB39" s="15"/>
      <c r="AZC39" s="15"/>
      <c r="AZD39" s="15"/>
      <c r="AZE39" s="15"/>
      <c r="AZF39" s="15"/>
      <c r="AZG39" s="15"/>
      <c r="AZH39" s="15"/>
      <c r="AZI39" s="15"/>
      <c r="AZJ39" s="15"/>
      <c r="AZK39" s="15"/>
      <c r="AZL39" s="15"/>
      <c r="AZM39" s="15"/>
      <c r="AZN39" s="15"/>
      <c r="AZO39" s="15"/>
      <c r="AZP39" s="15"/>
      <c r="AZQ39" s="15"/>
      <c r="AZR39" s="15"/>
      <c r="AZS39" s="15"/>
      <c r="AZT39" s="15"/>
      <c r="AZU39" s="15"/>
      <c r="AZV39" s="15"/>
      <c r="AZW39" s="15"/>
      <c r="AZX39" s="15"/>
      <c r="AZY39" s="15"/>
      <c r="AZZ39" s="15"/>
      <c r="BAA39" s="15"/>
      <c r="BAB39" s="15"/>
      <c r="BAC39" s="15"/>
      <c r="BAD39" s="15"/>
      <c r="BAE39" s="15"/>
      <c r="BAF39" s="15"/>
      <c r="BAG39" s="15"/>
      <c r="BAH39" s="15"/>
      <c r="BAI39" s="15"/>
      <c r="BAJ39" s="15"/>
      <c r="BAK39" s="15"/>
      <c r="BAL39" s="15"/>
      <c r="BAM39" s="15"/>
      <c r="BAN39" s="15"/>
      <c r="BAO39" s="15"/>
      <c r="BAP39" s="15"/>
      <c r="BAQ39" s="15"/>
      <c r="BAR39" s="15"/>
      <c r="BAS39" s="15"/>
      <c r="BAT39" s="15"/>
      <c r="BAU39" s="15"/>
      <c r="BAV39" s="15"/>
      <c r="BAW39" s="15"/>
      <c r="BAX39" s="15"/>
      <c r="BAY39" s="15"/>
      <c r="BAZ39" s="15"/>
      <c r="BBA39" s="15"/>
      <c r="BBB39" s="15"/>
      <c r="BBC39" s="15"/>
      <c r="BBD39" s="15"/>
      <c r="BBE39" s="15"/>
      <c r="BBF39" s="15"/>
      <c r="BBG39" s="15"/>
      <c r="BBH39" s="15"/>
      <c r="BBI39" s="15"/>
      <c r="BBJ39" s="15"/>
      <c r="BBK39" s="15"/>
      <c r="BBL39" s="15"/>
      <c r="BBM39" s="15"/>
      <c r="BBN39" s="15"/>
    </row>
    <row r="40" spans="1:1418" ht="21" customHeight="1" x14ac:dyDescent="0.2">
      <c r="A40" s="41" t="s">
        <v>61</v>
      </c>
      <c r="B40" s="42"/>
      <c r="C40" s="117"/>
      <c r="D40" s="118"/>
      <c r="E40" s="42"/>
      <c r="F40" s="42"/>
      <c r="G40" s="42"/>
      <c r="H40" s="42"/>
      <c r="I40" s="42"/>
      <c r="J40" s="43"/>
    </row>
    <row r="41" spans="1:1418" ht="21" customHeight="1" thickBot="1" x14ac:dyDescent="0.25">
      <c r="A41" s="41" t="s">
        <v>60</v>
      </c>
      <c r="B41" s="44"/>
      <c r="C41" s="119"/>
      <c r="D41" s="120"/>
      <c r="E41" s="44"/>
      <c r="F41" s="44"/>
      <c r="G41" s="44"/>
      <c r="H41" s="44"/>
      <c r="I41" s="44"/>
      <c r="J41" s="45"/>
    </row>
    <row r="42" spans="1:1418" ht="22.5" customHeight="1" thickTop="1" thickBot="1" x14ac:dyDescent="0.25">
      <c r="A42" s="46" t="s">
        <v>34</v>
      </c>
      <c r="B42" s="47"/>
      <c r="C42" s="121"/>
      <c r="D42" s="122"/>
      <c r="E42" s="47"/>
      <c r="F42" s="47"/>
      <c r="G42" s="47"/>
      <c r="H42" s="47"/>
      <c r="I42" s="47"/>
      <c r="J42" s="48"/>
    </row>
    <row r="43" spans="1:1418" s="52" customFormat="1" ht="17.25" customHeight="1" x14ac:dyDescent="0.2">
      <c r="A43" s="49" t="s">
        <v>25</v>
      </c>
      <c r="B43" s="50"/>
      <c r="C43" s="145"/>
      <c r="D43" s="146"/>
      <c r="E43" s="50"/>
      <c r="F43" s="50"/>
      <c r="G43" s="50"/>
      <c r="H43" s="50"/>
      <c r="I43" s="50"/>
      <c r="J43" s="51"/>
      <c r="K43" s="15"/>
      <c r="L43" s="15"/>
      <c r="M43" s="15"/>
      <c r="N43" s="15"/>
      <c r="O43" s="15"/>
      <c r="P43" s="15"/>
      <c r="Q43" s="15"/>
      <c r="R43" s="15"/>
      <c r="S43" s="15"/>
      <c r="T43" s="15"/>
      <c r="U43" s="15"/>
      <c r="V43" s="15"/>
      <c r="W43" s="15"/>
      <c r="X43" s="15"/>
      <c r="Y43" s="15"/>
      <c r="Z43" s="15"/>
      <c r="AA43" s="15"/>
      <c r="AB43" s="15"/>
      <c r="AC43" s="15"/>
      <c r="AD43" s="15"/>
      <c r="AE43" s="15"/>
      <c r="AF43" s="15"/>
      <c r="AG43" s="15"/>
      <c r="AH43" s="15"/>
      <c r="AI43" s="15"/>
      <c r="AJ43" s="15"/>
      <c r="AK43" s="15"/>
      <c r="AL43" s="15"/>
      <c r="AM43" s="15"/>
      <c r="AN43" s="15"/>
      <c r="AO43" s="15"/>
      <c r="AP43" s="15"/>
      <c r="AQ43" s="15"/>
      <c r="AR43" s="15"/>
      <c r="AS43" s="15"/>
      <c r="AT43" s="15"/>
      <c r="AU43" s="15"/>
      <c r="AV43" s="15"/>
      <c r="AW43" s="15"/>
      <c r="AX43" s="15"/>
      <c r="AY43" s="15"/>
      <c r="AZ43" s="15"/>
      <c r="BA43" s="15"/>
      <c r="BB43" s="15"/>
      <c r="BC43" s="15"/>
      <c r="BD43" s="15"/>
      <c r="BE43" s="15"/>
      <c r="BF43" s="15"/>
      <c r="BG43" s="15"/>
      <c r="BH43" s="15"/>
      <c r="BI43" s="15"/>
      <c r="BJ43" s="15"/>
      <c r="BK43" s="15"/>
      <c r="BL43" s="15"/>
      <c r="BM43" s="15"/>
      <c r="BN43" s="15"/>
      <c r="BO43" s="15"/>
      <c r="BP43" s="15"/>
      <c r="BQ43" s="15"/>
      <c r="BR43" s="15"/>
      <c r="BS43" s="15"/>
      <c r="BT43" s="15"/>
      <c r="BU43" s="15"/>
      <c r="BV43" s="15"/>
      <c r="BW43" s="15"/>
      <c r="BX43" s="15"/>
      <c r="BY43" s="15"/>
      <c r="BZ43" s="15"/>
      <c r="CA43" s="15"/>
      <c r="CB43" s="15"/>
      <c r="CC43" s="15"/>
      <c r="CD43" s="15"/>
      <c r="CE43" s="15"/>
      <c r="CF43" s="15"/>
      <c r="CG43" s="15"/>
      <c r="CH43" s="15"/>
      <c r="CI43" s="15"/>
      <c r="CJ43" s="15"/>
      <c r="CK43" s="15"/>
      <c r="CL43" s="15"/>
      <c r="CM43" s="15"/>
      <c r="CN43" s="15"/>
      <c r="CO43" s="15"/>
      <c r="CP43" s="15"/>
      <c r="CQ43" s="15"/>
      <c r="CR43" s="15"/>
      <c r="CS43" s="15"/>
      <c r="CT43" s="15"/>
      <c r="CU43" s="15"/>
      <c r="CV43" s="15"/>
      <c r="CW43" s="15"/>
      <c r="CX43" s="15"/>
      <c r="CY43" s="15"/>
      <c r="CZ43" s="15"/>
      <c r="DA43" s="15"/>
      <c r="DB43" s="15"/>
      <c r="DC43" s="15"/>
      <c r="DD43" s="15"/>
      <c r="DE43" s="15"/>
      <c r="DF43" s="15"/>
      <c r="DG43" s="15"/>
      <c r="DH43" s="15"/>
      <c r="DI43" s="15"/>
      <c r="DJ43" s="15"/>
      <c r="DK43" s="15"/>
      <c r="DL43" s="15"/>
      <c r="DM43" s="15"/>
      <c r="DN43" s="15"/>
      <c r="DO43" s="15"/>
      <c r="DP43" s="15"/>
      <c r="DQ43" s="15"/>
      <c r="DR43" s="15"/>
      <c r="DS43" s="15"/>
      <c r="DT43" s="15"/>
      <c r="DU43" s="15"/>
      <c r="DV43" s="15"/>
      <c r="DW43" s="15"/>
      <c r="DX43" s="15"/>
      <c r="DY43" s="15"/>
      <c r="DZ43" s="15"/>
      <c r="EA43" s="15"/>
      <c r="EB43" s="15"/>
      <c r="EC43" s="15"/>
      <c r="ED43" s="15"/>
      <c r="EE43" s="15"/>
      <c r="EF43" s="15"/>
      <c r="EG43" s="15"/>
      <c r="EH43" s="15"/>
      <c r="EI43" s="15"/>
      <c r="EJ43" s="15"/>
      <c r="EK43" s="15"/>
      <c r="EL43" s="15"/>
      <c r="EM43" s="15"/>
      <c r="EN43" s="15"/>
      <c r="EO43" s="15"/>
      <c r="EP43" s="15"/>
      <c r="EQ43" s="15"/>
      <c r="ER43" s="15"/>
      <c r="ES43" s="15"/>
      <c r="ET43" s="15"/>
      <c r="EU43" s="15"/>
      <c r="EV43" s="15"/>
      <c r="EW43" s="15"/>
      <c r="EX43" s="15"/>
      <c r="EY43" s="15"/>
      <c r="EZ43" s="15"/>
      <c r="FA43" s="15"/>
      <c r="FB43" s="15"/>
      <c r="FC43" s="15"/>
      <c r="FD43" s="15"/>
      <c r="FE43" s="15"/>
      <c r="FF43" s="15"/>
      <c r="FG43" s="15"/>
      <c r="FH43" s="15"/>
      <c r="FI43" s="15"/>
      <c r="FJ43" s="15"/>
      <c r="FK43" s="15"/>
      <c r="FL43" s="15"/>
      <c r="FM43" s="15"/>
      <c r="FN43" s="15"/>
      <c r="FO43" s="15"/>
      <c r="FP43" s="15"/>
      <c r="FQ43" s="15"/>
      <c r="FR43" s="15"/>
      <c r="FS43" s="15"/>
      <c r="FT43" s="15"/>
      <c r="FU43" s="15"/>
      <c r="FV43" s="15"/>
      <c r="FW43" s="15"/>
      <c r="FX43" s="15"/>
      <c r="FY43" s="15"/>
      <c r="FZ43" s="15"/>
      <c r="GA43" s="15"/>
      <c r="GB43" s="15"/>
      <c r="GC43" s="15"/>
      <c r="GD43" s="15"/>
      <c r="GE43" s="15"/>
      <c r="GF43" s="15"/>
      <c r="GG43" s="15"/>
      <c r="GH43" s="15"/>
      <c r="GI43" s="15"/>
      <c r="GJ43" s="15"/>
      <c r="GK43" s="15"/>
      <c r="GL43" s="15"/>
      <c r="GM43" s="15"/>
      <c r="GN43" s="15"/>
      <c r="GO43" s="15"/>
      <c r="GP43" s="15"/>
      <c r="GQ43" s="15"/>
      <c r="GR43" s="15"/>
      <c r="GS43" s="15"/>
      <c r="GT43" s="15"/>
      <c r="GU43" s="15"/>
      <c r="GV43" s="15"/>
      <c r="GW43" s="15"/>
      <c r="GX43" s="15"/>
      <c r="GY43" s="15"/>
      <c r="GZ43" s="15"/>
      <c r="HA43" s="15"/>
      <c r="HB43" s="15"/>
      <c r="HC43" s="15"/>
      <c r="HD43" s="15"/>
      <c r="HE43" s="15"/>
      <c r="HF43" s="15"/>
      <c r="HG43" s="15"/>
      <c r="HH43" s="15"/>
      <c r="HI43" s="15"/>
      <c r="HJ43" s="15"/>
      <c r="HK43" s="15"/>
      <c r="HL43" s="15"/>
      <c r="HM43" s="15"/>
      <c r="HN43" s="15"/>
      <c r="HO43" s="15"/>
      <c r="HP43" s="15"/>
      <c r="HQ43" s="15"/>
      <c r="HR43" s="15"/>
      <c r="HS43" s="15"/>
      <c r="HT43" s="15"/>
      <c r="HU43" s="15"/>
      <c r="HV43" s="15"/>
      <c r="HW43" s="15"/>
      <c r="HX43" s="15"/>
      <c r="HY43" s="15"/>
      <c r="HZ43" s="15"/>
      <c r="IA43" s="15"/>
      <c r="IB43" s="15"/>
      <c r="IC43" s="15"/>
      <c r="ID43" s="15"/>
      <c r="IE43" s="15"/>
      <c r="IF43" s="15"/>
      <c r="IG43" s="15"/>
      <c r="IH43" s="15"/>
      <c r="II43" s="15"/>
      <c r="IJ43" s="15"/>
      <c r="IK43" s="15"/>
      <c r="IL43" s="15"/>
      <c r="IM43" s="15"/>
      <c r="IN43" s="15"/>
      <c r="IO43" s="15"/>
      <c r="IP43" s="15"/>
      <c r="IQ43" s="15"/>
      <c r="IR43" s="15"/>
      <c r="IS43" s="15"/>
      <c r="IT43" s="15"/>
      <c r="IU43" s="15"/>
      <c r="IV43" s="15"/>
      <c r="IW43" s="15"/>
      <c r="IX43" s="15"/>
      <c r="IY43" s="15"/>
      <c r="IZ43" s="15"/>
      <c r="JA43" s="15"/>
      <c r="JB43" s="15"/>
      <c r="JC43" s="15"/>
      <c r="JD43" s="15"/>
      <c r="JE43" s="15"/>
      <c r="JF43" s="15"/>
      <c r="JG43" s="15"/>
      <c r="JH43" s="15"/>
      <c r="JI43" s="15"/>
      <c r="JJ43" s="15"/>
      <c r="JK43" s="15"/>
      <c r="JL43" s="15"/>
      <c r="JM43" s="15"/>
      <c r="JN43" s="15"/>
      <c r="JO43" s="15"/>
      <c r="JP43" s="15"/>
      <c r="JQ43" s="15"/>
      <c r="JR43" s="15"/>
      <c r="JS43" s="15"/>
      <c r="JT43" s="15"/>
      <c r="JU43" s="15"/>
      <c r="JV43" s="15"/>
      <c r="JW43" s="15"/>
      <c r="JX43" s="15"/>
      <c r="JY43" s="15"/>
      <c r="JZ43" s="15"/>
      <c r="KA43" s="15"/>
      <c r="KB43" s="15"/>
      <c r="KC43" s="15"/>
      <c r="KD43" s="15"/>
      <c r="KE43" s="15"/>
      <c r="KF43" s="15"/>
      <c r="KG43" s="15"/>
      <c r="KH43" s="15"/>
      <c r="KI43" s="15"/>
      <c r="KJ43" s="15"/>
      <c r="KK43" s="15"/>
      <c r="KL43" s="15"/>
      <c r="KM43" s="15"/>
      <c r="KN43" s="15"/>
      <c r="KO43" s="15"/>
      <c r="KP43" s="15"/>
      <c r="KQ43" s="15"/>
      <c r="KR43" s="15"/>
      <c r="KS43" s="15"/>
      <c r="KT43" s="15"/>
      <c r="KU43" s="15"/>
      <c r="KV43" s="15"/>
      <c r="KW43" s="15"/>
      <c r="KX43" s="15"/>
      <c r="KY43" s="15"/>
      <c r="KZ43" s="15"/>
      <c r="LA43" s="15"/>
      <c r="LB43" s="15"/>
      <c r="LC43" s="15"/>
      <c r="LD43" s="15"/>
      <c r="LE43" s="15"/>
      <c r="LF43" s="15"/>
      <c r="LG43" s="15"/>
      <c r="LH43" s="15"/>
      <c r="LI43" s="15"/>
      <c r="LJ43" s="15"/>
      <c r="LK43" s="15"/>
      <c r="LL43" s="15"/>
      <c r="LM43" s="15"/>
      <c r="LN43" s="15"/>
      <c r="LO43" s="15"/>
      <c r="LP43" s="15"/>
      <c r="LQ43" s="15"/>
      <c r="LR43" s="15"/>
      <c r="LS43" s="15"/>
      <c r="LT43" s="15"/>
      <c r="LU43" s="15"/>
      <c r="LV43" s="15"/>
      <c r="LW43" s="15"/>
      <c r="LX43" s="15"/>
      <c r="LY43" s="15"/>
      <c r="LZ43" s="15"/>
      <c r="MA43" s="15"/>
      <c r="MB43" s="15"/>
      <c r="MC43" s="15"/>
      <c r="MD43" s="15"/>
      <c r="ME43" s="15"/>
      <c r="MF43" s="15"/>
      <c r="MG43" s="15"/>
      <c r="MH43" s="15"/>
      <c r="MI43" s="15"/>
      <c r="MJ43" s="15"/>
      <c r="MK43" s="15"/>
      <c r="ML43" s="15"/>
      <c r="MM43" s="15"/>
      <c r="MN43" s="15"/>
      <c r="MO43" s="15"/>
      <c r="MP43" s="15"/>
      <c r="MQ43" s="15"/>
      <c r="MR43" s="15"/>
      <c r="MS43" s="15"/>
      <c r="MT43" s="15"/>
      <c r="MU43" s="15"/>
      <c r="MV43" s="15"/>
      <c r="MW43" s="15"/>
      <c r="MX43" s="15"/>
      <c r="MY43" s="15"/>
      <c r="MZ43" s="15"/>
      <c r="NA43" s="15"/>
      <c r="NB43" s="15"/>
      <c r="NC43" s="15"/>
      <c r="ND43" s="15"/>
      <c r="NE43" s="15"/>
      <c r="NF43" s="15"/>
      <c r="NG43" s="15"/>
      <c r="NH43" s="15"/>
      <c r="NI43" s="15"/>
      <c r="NJ43" s="15"/>
      <c r="NK43" s="15"/>
      <c r="NL43" s="15"/>
      <c r="NM43" s="15"/>
      <c r="NN43" s="15"/>
      <c r="NO43" s="15"/>
      <c r="NP43" s="15"/>
      <c r="NQ43" s="15"/>
      <c r="NR43" s="15"/>
      <c r="NS43" s="15"/>
      <c r="NT43" s="15"/>
      <c r="NU43" s="15"/>
      <c r="NV43" s="15"/>
      <c r="NW43" s="15"/>
      <c r="NX43" s="15"/>
      <c r="NY43" s="15"/>
      <c r="NZ43" s="15"/>
      <c r="OA43" s="15"/>
      <c r="OB43" s="15"/>
      <c r="OC43" s="15"/>
      <c r="OD43" s="15"/>
      <c r="OE43" s="15"/>
      <c r="OF43" s="15"/>
      <c r="OG43" s="15"/>
      <c r="OH43" s="15"/>
      <c r="OI43" s="15"/>
      <c r="OJ43" s="15"/>
      <c r="OK43" s="15"/>
      <c r="OL43" s="15"/>
      <c r="OM43" s="15"/>
      <c r="ON43" s="15"/>
      <c r="OO43" s="15"/>
      <c r="OP43" s="15"/>
      <c r="OQ43" s="15"/>
      <c r="OR43" s="15"/>
      <c r="OS43" s="15"/>
      <c r="OT43" s="15"/>
      <c r="OU43" s="15"/>
      <c r="OV43" s="15"/>
      <c r="OW43" s="15"/>
      <c r="OX43" s="15"/>
      <c r="OY43" s="15"/>
      <c r="OZ43" s="15"/>
      <c r="PA43" s="15"/>
      <c r="PB43" s="15"/>
      <c r="PC43" s="15"/>
      <c r="PD43" s="15"/>
      <c r="PE43" s="15"/>
      <c r="PF43" s="15"/>
      <c r="PG43" s="15"/>
      <c r="PH43" s="15"/>
      <c r="PI43" s="15"/>
      <c r="PJ43" s="15"/>
      <c r="PK43" s="15"/>
      <c r="PL43" s="15"/>
      <c r="PM43" s="15"/>
      <c r="PN43" s="15"/>
      <c r="PO43" s="15"/>
      <c r="PP43" s="15"/>
      <c r="PQ43" s="15"/>
      <c r="PR43" s="15"/>
      <c r="PS43" s="15"/>
      <c r="PT43" s="15"/>
      <c r="PU43" s="15"/>
      <c r="PV43" s="15"/>
      <c r="PW43" s="15"/>
      <c r="PX43" s="15"/>
      <c r="PY43" s="15"/>
      <c r="PZ43" s="15"/>
      <c r="QA43" s="15"/>
      <c r="QB43" s="15"/>
      <c r="QC43" s="15"/>
      <c r="QD43" s="15"/>
      <c r="QE43" s="15"/>
      <c r="QF43" s="15"/>
      <c r="QG43" s="15"/>
      <c r="QH43" s="15"/>
      <c r="QI43" s="15"/>
      <c r="QJ43" s="15"/>
      <c r="QK43" s="15"/>
      <c r="QL43" s="15"/>
      <c r="QM43" s="15"/>
      <c r="QN43" s="15"/>
      <c r="QO43" s="15"/>
      <c r="QP43" s="15"/>
      <c r="QQ43" s="15"/>
      <c r="QR43" s="15"/>
      <c r="QS43" s="15"/>
      <c r="QT43" s="15"/>
      <c r="QU43" s="15"/>
      <c r="QV43" s="15"/>
      <c r="QW43" s="15"/>
      <c r="QX43" s="15"/>
      <c r="QY43" s="15"/>
      <c r="QZ43" s="15"/>
      <c r="RA43" s="15"/>
      <c r="RB43" s="15"/>
      <c r="RC43" s="15"/>
      <c r="RD43" s="15"/>
      <c r="RE43" s="15"/>
      <c r="RF43" s="15"/>
      <c r="RG43" s="15"/>
      <c r="RH43" s="15"/>
      <c r="RI43" s="15"/>
      <c r="RJ43" s="15"/>
      <c r="RK43" s="15"/>
      <c r="RL43" s="15"/>
      <c r="RM43" s="15"/>
      <c r="RN43" s="15"/>
      <c r="RO43" s="15"/>
      <c r="RP43" s="15"/>
      <c r="RQ43" s="15"/>
      <c r="RR43" s="15"/>
      <c r="RS43" s="15"/>
      <c r="RT43" s="15"/>
      <c r="RU43" s="15"/>
      <c r="RV43" s="15"/>
      <c r="RW43" s="15"/>
      <c r="RX43" s="15"/>
      <c r="RY43" s="15"/>
      <c r="RZ43" s="15"/>
      <c r="SA43" s="15"/>
      <c r="SB43" s="15"/>
      <c r="SC43" s="15"/>
      <c r="SD43" s="15"/>
      <c r="SE43" s="15"/>
      <c r="SF43" s="15"/>
      <c r="SG43" s="15"/>
      <c r="SH43" s="15"/>
      <c r="SI43" s="15"/>
      <c r="SJ43" s="15"/>
      <c r="SK43" s="15"/>
      <c r="SL43" s="15"/>
      <c r="SM43" s="15"/>
      <c r="SN43" s="15"/>
      <c r="SO43" s="15"/>
      <c r="SP43" s="15"/>
      <c r="SQ43" s="15"/>
      <c r="SR43" s="15"/>
      <c r="SS43" s="15"/>
      <c r="ST43" s="15"/>
      <c r="SU43" s="15"/>
      <c r="SV43" s="15"/>
      <c r="SW43" s="15"/>
      <c r="SX43" s="15"/>
      <c r="SY43" s="15"/>
      <c r="SZ43" s="15"/>
      <c r="TA43" s="15"/>
      <c r="TB43" s="15"/>
      <c r="TC43" s="15"/>
      <c r="TD43" s="15"/>
      <c r="TE43" s="15"/>
      <c r="TF43" s="15"/>
      <c r="TG43" s="15"/>
      <c r="TH43" s="15"/>
      <c r="TI43" s="15"/>
      <c r="TJ43" s="15"/>
      <c r="TK43" s="15"/>
      <c r="TL43" s="15"/>
      <c r="TM43" s="15"/>
      <c r="TN43" s="15"/>
      <c r="TO43" s="15"/>
      <c r="TP43" s="15"/>
      <c r="TQ43" s="15"/>
      <c r="TR43" s="15"/>
      <c r="TS43" s="15"/>
      <c r="TT43" s="15"/>
      <c r="TU43" s="15"/>
      <c r="TV43" s="15"/>
      <c r="TW43" s="15"/>
      <c r="TX43" s="15"/>
      <c r="TY43" s="15"/>
      <c r="TZ43" s="15"/>
      <c r="UA43" s="15"/>
      <c r="UB43" s="15"/>
      <c r="UC43" s="15"/>
      <c r="UD43" s="15"/>
      <c r="UE43" s="15"/>
      <c r="UF43" s="15"/>
      <c r="UG43" s="15"/>
      <c r="UH43" s="15"/>
      <c r="UI43" s="15"/>
      <c r="UJ43" s="15"/>
      <c r="UK43" s="15"/>
      <c r="UL43" s="15"/>
      <c r="UM43" s="15"/>
      <c r="UN43" s="15"/>
      <c r="UO43" s="15"/>
      <c r="UP43" s="15"/>
      <c r="UQ43" s="15"/>
      <c r="UR43" s="15"/>
      <c r="US43" s="15"/>
      <c r="UT43" s="15"/>
      <c r="UU43" s="15"/>
      <c r="UV43" s="15"/>
      <c r="UW43" s="15"/>
      <c r="UX43" s="15"/>
      <c r="UY43" s="15"/>
      <c r="UZ43" s="15"/>
      <c r="VA43" s="15"/>
      <c r="VB43" s="15"/>
      <c r="VC43" s="15"/>
      <c r="VD43" s="15"/>
      <c r="VE43" s="15"/>
      <c r="VF43" s="15"/>
      <c r="VG43" s="15"/>
      <c r="VH43" s="15"/>
      <c r="VI43" s="15"/>
      <c r="VJ43" s="15"/>
      <c r="VK43" s="15"/>
      <c r="VL43" s="15"/>
      <c r="VM43" s="15"/>
      <c r="VN43" s="15"/>
      <c r="VO43" s="15"/>
      <c r="VP43" s="15"/>
      <c r="VQ43" s="15"/>
      <c r="VR43" s="15"/>
      <c r="VS43" s="15"/>
      <c r="VT43" s="15"/>
      <c r="VU43" s="15"/>
      <c r="VV43" s="15"/>
      <c r="VW43" s="15"/>
      <c r="VX43" s="15"/>
      <c r="VY43" s="15"/>
      <c r="VZ43" s="15"/>
      <c r="WA43" s="15"/>
      <c r="WB43" s="15"/>
      <c r="WC43" s="15"/>
      <c r="WD43" s="15"/>
      <c r="WE43" s="15"/>
      <c r="WF43" s="15"/>
      <c r="WG43" s="15"/>
      <c r="WH43" s="15"/>
      <c r="WI43" s="15"/>
      <c r="WJ43" s="15"/>
      <c r="WK43" s="15"/>
      <c r="WL43" s="15"/>
      <c r="WM43" s="15"/>
      <c r="WN43" s="15"/>
      <c r="WO43" s="15"/>
      <c r="WP43" s="15"/>
      <c r="WQ43" s="15"/>
      <c r="WR43" s="15"/>
      <c r="WS43" s="15"/>
      <c r="WT43" s="15"/>
      <c r="WU43" s="15"/>
      <c r="WV43" s="15"/>
      <c r="WW43" s="15"/>
      <c r="WX43" s="15"/>
      <c r="WY43" s="15"/>
      <c r="WZ43" s="15"/>
      <c r="XA43" s="15"/>
      <c r="XB43" s="15"/>
      <c r="XC43" s="15"/>
      <c r="XD43" s="15"/>
      <c r="XE43" s="15"/>
      <c r="XF43" s="15"/>
      <c r="XG43" s="15"/>
      <c r="XH43" s="15"/>
      <c r="XI43" s="15"/>
      <c r="XJ43" s="15"/>
      <c r="XK43" s="15"/>
      <c r="XL43" s="15"/>
      <c r="XM43" s="15"/>
      <c r="XN43" s="15"/>
      <c r="XO43" s="15"/>
      <c r="XP43" s="15"/>
      <c r="XQ43" s="15"/>
      <c r="XR43" s="15"/>
      <c r="XS43" s="15"/>
      <c r="XT43" s="15"/>
      <c r="XU43" s="15"/>
      <c r="XV43" s="15"/>
      <c r="XW43" s="15"/>
      <c r="XX43" s="15"/>
      <c r="XY43" s="15"/>
      <c r="XZ43" s="15"/>
      <c r="YA43" s="15"/>
      <c r="YB43" s="15"/>
      <c r="YC43" s="15"/>
      <c r="YD43" s="15"/>
      <c r="YE43" s="15"/>
      <c r="YF43" s="15"/>
      <c r="YG43" s="15"/>
      <c r="YH43" s="15"/>
      <c r="YI43" s="15"/>
      <c r="YJ43" s="15"/>
      <c r="YK43" s="15"/>
      <c r="YL43" s="15"/>
      <c r="YM43" s="15"/>
      <c r="YN43" s="15"/>
      <c r="YO43" s="15"/>
      <c r="YP43" s="15"/>
      <c r="YQ43" s="15"/>
      <c r="YR43" s="15"/>
      <c r="YS43" s="15"/>
      <c r="YT43" s="15"/>
      <c r="YU43" s="15"/>
      <c r="YV43" s="15"/>
      <c r="YW43" s="15"/>
      <c r="YX43" s="15"/>
      <c r="YY43" s="15"/>
      <c r="YZ43" s="15"/>
      <c r="ZA43" s="15"/>
      <c r="ZB43" s="15"/>
      <c r="ZC43" s="15"/>
      <c r="ZD43" s="15"/>
      <c r="ZE43" s="15"/>
      <c r="ZF43" s="15"/>
      <c r="ZG43" s="15"/>
      <c r="ZH43" s="15"/>
      <c r="ZI43" s="15"/>
      <c r="ZJ43" s="15"/>
      <c r="ZK43" s="15"/>
      <c r="ZL43" s="15"/>
      <c r="ZM43" s="15"/>
      <c r="ZN43" s="15"/>
      <c r="ZO43" s="15"/>
      <c r="ZP43" s="15"/>
      <c r="ZQ43" s="15"/>
      <c r="ZR43" s="15"/>
      <c r="ZS43" s="15"/>
      <c r="ZT43" s="15"/>
      <c r="ZU43" s="15"/>
      <c r="ZV43" s="15"/>
      <c r="ZW43" s="15"/>
      <c r="ZX43" s="15"/>
      <c r="ZY43" s="15"/>
      <c r="ZZ43" s="15"/>
      <c r="AAA43" s="15"/>
      <c r="AAB43" s="15"/>
      <c r="AAC43" s="15"/>
      <c r="AAD43" s="15"/>
      <c r="AAE43" s="15"/>
      <c r="AAF43" s="15"/>
      <c r="AAG43" s="15"/>
      <c r="AAH43" s="15"/>
      <c r="AAI43" s="15"/>
      <c r="AAJ43" s="15"/>
      <c r="AAK43" s="15"/>
      <c r="AAL43" s="15"/>
      <c r="AAM43" s="15"/>
      <c r="AAN43" s="15"/>
      <c r="AAO43" s="15"/>
      <c r="AAP43" s="15"/>
      <c r="AAQ43" s="15"/>
      <c r="AAR43" s="15"/>
      <c r="AAS43" s="15"/>
      <c r="AAT43" s="15"/>
      <c r="AAU43" s="15"/>
      <c r="AAV43" s="15"/>
      <c r="AAW43" s="15"/>
      <c r="AAX43" s="15"/>
      <c r="AAY43" s="15"/>
      <c r="AAZ43" s="15"/>
      <c r="ABA43" s="15"/>
      <c r="ABB43" s="15"/>
      <c r="ABC43" s="15"/>
      <c r="ABD43" s="15"/>
      <c r="ABE43" s="15"/>
      <c r="ABF43" s="15"/>
      <c r="ABG43" s="15"/>
      <c r="ABH43" s="15"/>
      <c r="ABI43" s="15"/>
      <c r="ABJ43" s="15"/>
      <c r="ABK43" s="15"/>
      <c r="ABL43" s="15"/>
      <c r="ABM43" s="15"/>
      <c r="ABN43" s="15"/>
      <c r="ABO43" s="15"/>
      <c r="ABP43" s="15"/>
      <c r="ABQ43" s="15"/>
      <c r="ABR43" s="15"/>
      <c r="ABS43" s="15"/>
      <c r="ABT43" s="15"/>
      <c r="ABU43" s="15"/>
      <c r="ABV43" s="15"/>
      <c r="ABW43" s="15"/>
      <c r="ABX43" s="15"/>
      <c r="ABY43" s="15"/>
      <c r="ABZ43" s="15"/>
      <c r="ACA43" s="15"/>
      <c r="ACB43" s="15"/>
      <c r="ACC43" s="15"/>
      <c r="ACD43" s="15"/>
      <c r="ACE43" s="15"/>
      <c r="ACF43" s="15"/>
      <c r="ACG43" s="15"/>
      <c r="ACH43" s="15"/>
      <c r="ACI43" s="15"/>
      <c r="ACJ43" s="15"/>
      <c r="ACK43" s="15"/>
      <c r="ACL43" s="15"/>
      <c r="ACM43" s="15"/>
      <c r="ACN43" s="15"/>
      <c r="ACO43" s="15"/>
      <c r="ACP43" s="15"/>
      <c r="ACQ43" s="15"/>
      <c r="ACR43" s="15"/>
      <c r="ACS43" s="15"/>
      <c r="ACT43" s="15"/>
      <c r="ACU43" s="15"/>
      <c r="ACV43" s="15"/>
      <c r="ACW43" s="15"/>
      <c r="ACX43" s="15"/>
      <c r="ACY43" s="15"/>
      <c r="ACZ43" s="15"/>
      <c r="ADA43" s="15"/>
      <c r="ADB43" s="15"/>
      <c r="ADC43" s="15"/>
      <c r="ADD43" s="15"/>
      <c r="ADE43" s="15"/>
      <c r="ADF43" s="15"/>
      <c r="ADG43" s="15"/>
      <c r="ADH43" s="15"/>
      <c r="ADI43" s="15"/>
      <c r="ADJ43" s="15"/>
      <c r="ADK43" s="15"/>
      <c r="ADL43" s="15"/>
      <c r="ADM43" s="15"/>
      <c r="ADN43" s="15"/>
      <c r="ADO43" s="15"/>
      <c r="ADP43" s="15"/>
      <c r="ADQ43" s="15"/>
      <c r="ADR43" s="15"/>
      <c r="ADS43" s="15"/>
      <c r="ADT43" s="15"/>
      <c r="ADU43" s="15"/>
      <c r="ADV43" s="15"/>
      <c r="ADW43" s="15"/>
      <c r="ADX43" s="15"/>
      <c r="ADY43" s="15"/>
      <c r="ADZ43" s="15"/>
      <c r="AEA43" s="15"/>
      <c r="AEB43" s="15"/>
      <c r="AEC43" s="15"/>
      <c r="AED43" s="15"/>
      <c r="AEE43" s="15"/>
      <c r="AEF43" s="15"/>
      <c r="AEG43" s="15"/>
      <c r="AEH43" s="15"/>
      <c r="AEI43" s="15"/>
      <c r="AEJ43" s="15"/>
      <c r="AEK43" s="15"/>
      <c r="AEL43" s="15"/>
      <c r="AEM43" s="15"/>
      <c r="AEN43" s="15"/>
      <c r="AEO43" s="15"/>
      <c r="AEP43" s="15"/>
      <c r="AEQ43" s="15"/>
      <c r="AER43" s="15"/>
      <c r="AES43" s="15"/>
      <c r="AET43" s="15"/>
      <c r="AEU43" s="15"/>
      <c r="AEV43" s="15"/>
      <c r="AEW43" s="15"/>
      <c r="AEX43" s="15"/>
      <c r="AEY43" s="15"/>
      <c r="AEZ43" s="15"/>
      <c r="AFA43" s="15"/>
      <c r="AFB43" s="15"/>
      <c r="AFC43" s="15"/>
      <c r="AFD43" s="15"/>
      <c r="AFE43" s="15"/>
      <c r="AFF43" s="15"/>
      <c r="AFG43" s="15"/>
      <c r="AFH43" s="15"/>
      <c r="AFI43" s="15"/>
      <c r="AFJ43" s="15"/>
      <c r="AFK43" s="15"/>
      <c r="AFL43" s="15"/>
      <c r="AFM43" s="15"/>
      <c r="AFN43" s="15"/>
      <c r="AFO43" s="15"/>
      <c r="AFP43" s="15"/>
      <c r="AFQ43" s="15"/>
      <c r="AFR43" s="15"/>
      <c r="AFS43" s="15"/>
      <c r="AFT43" s="15"/>
      <c r="AFU43" s="15"/>
      <c r="AFV43" s="15"/>
      <c r="AFW43" s="15"/>
      <c r="AFX43" s="15"/>
      <c r="AFY43" s="15"/>
      <c r="AFZ43" s="15"/>
      <c r="AGA43" s="15"/>
      <c r="AGB43" s="15"/>
      <c r="AGC43" s="15"/>
      <c r="AGD43" s="15"/>
      <c r="AGE43" s="15"/>
      <c r="AGF43" s="15"/>
      <c r="AGG43" s="15"/>
      <c r="AGH43" s="15"/>
      <c r="AGI43" s="15"/>
      <c r="AGJ43" s="15"/>
      <c r="AGK43" s="15"/>
      <c r="AGL43" s="15"/>
      <c r="AGM43" s="15"/>
      <c r="AGN43" s="15"/>
      <c r="AGO43" s="15"/>
      <c r="AGP43" s="15"/>
      <c r="AGQ43" s="15"/>
      <c r="AGR43" s="15"/>
      <c r="AGS43" s="15"/>
      <c r="AGT43" s="15"/>
      <c r="AGU43" s="15"/>
      <c r="AGV43" s="15"/>
      <c r="AGW43" s="15"/>
      <c r="AGX43" s="15"/>
      <c r="AGY43" s="15"/>
      <c r="AGZ43" s="15"/>
      <c r="AHA43" s="15"/>
      <c r="AHB43" s="15"/>
      <c r="AHC43" s="15"/>
      <c r="AHD43" s="15"/>
      <c r="AHE43" s="15"/>
      <c r="AHF43" s="15"/>
      <c r="AHG43" s="15"/>
      <c r="AHH43" s="15"/>
      <c r="AHI43" s="15"/>
      <c r="AHJ43" s="15"/>
      <c r="AHK43" s="15"/>
      <c r="AHL43" s="15"/>
      <c r="AHM43" s="15"/>
      <c r="AHN43" s="15"/>
      <c r="AHO43" s="15"/>
      <c r="AHP43" s="15"/>
      <c r="AHQ43" s="15"/>
      <c r="AHR43" s="15"/>
      <c r="AHS43" s="15"/>
      <c r="AHT43" s="15"/>
      <c r="AHU43" s="15"/>
      <c r="AHV43" s="15"/>
      <c r="AHW43" s="15"/>
      <c r="AHX43" s="15"/>
      <c r="AHY43" s="15"/>
      <c r="AHZ43" s="15"/>
      <c r="AIA43" s="15"/>
      <c r="AIB43" s="15"/>
      <c r="AIC43" s="15"/>
      <c r="AID43" s="15"/>
      <c r="AIE43" s="15"/>
      <c r="AIF43" s="15"/>
      <c r="AIG43" s="15"/>
      <c r="AIH43" s="15"/>
      <c r="AII43" s="15"/>
      <c r="AIJ43" s="15"/>
      <c r="AIK43" s="15"/>
      <c r="AIL43" s="15"/>
      <c r="AIM43" s="15"/>
      <c r="AIN43" s="15"/>
      <c r="AIO43" s="15"/>
      <c r="AIP43" s="15"/>
      <c r="AIQ43" s="15"/>
      <c r="AIR43" s="15"/>
      <c r="AIS43" s="15"/>
      <c r="AIT43" s="15"/>
      <c r="AIU43" s="15"/>
      <c r="AIV43" s="15"/>
      <c r="AIW43" s="15"/>
      <c r="AIX43" s="15"/>
      <c r="AIY43" s="15"/>
      <c r="AIZ43" s="15"/>
      <c r="AJA43" s="15"/>
      <c r="AJB43" s="15"/>
      <c r="AJC43" s="15"/>
      <c r="AJD43" s="15"/>
      <c r="AJE43" s="15"/>
      <c r="AJF43" s="15"/>
      <c r="AJG43" s="15"/>
      <c r="AJH43" s="15"/>
      <c r="AJI43" s="15"/>
      <c r="AJJ43" s="15"/>
      <c r="AJK43" s="15"/>
      <c r="AJL43" s="15"/>
      <c r="AJM43" s="15"/>
      <c r="AJN43" s="15"/>
      <c r="AJO43" s="15"/>
      <c r="AJP43" s="15"/>
      <c r="AJQ43" s="15"/>
      <c r="AJR43" s="15"/>
      <c r="AJS43" s="15"/>
      <c r="AJT43" s="15"/>
      <c r="AJU43" s="15"/>
      <c r="AJV43" s="15"/>
      <c r="AJW43" s="15"/>
      <c r="AJX43" s="15"/>
      <c r="AJY43" s="15"/>
      <c r="AJZ43" s="15"/>
      <c r="AKA43" s="15"/>
      <c r="AKB43" s="15"/>
      <c r="AKC43" s="15"/>
      <c r="AKD43" s="15"/>
      <c r="AKE43" s="15"/>
      <c r="AKF43" s="15"/>
      <c r="AKG43" s="15"/>
      <c r="AKH43" s="15"/>
      <c r="AKI43" s="15"/>
      <c r="AKJ43" s="15"/>
      <c r="AKK43" s="15"/>
      <c r="AKL43" s="15"/>
      <c r="AKM43" s="15"/>
      <c r="AKN43" s="15"/>
      <c r="AKO43" s="15"/>
      <c r="AKP43" s="15"/>
      <c r="AKQ43" s="15"/>
      <c r="AKR43" s="15"/>
      <c r="AKS43" s="15"/>
      <c r="AKT43" s="15"/>
      <c r="AKU43" s="15"/>
      <c r="AKV43" s="15"/>
      <c r="AKW43" s="15"/>
      <c r="AKX43" s="15"/>
      <c r="AKY43" s="15"/>
      <c r="AKZ43" s="15"/>
      <c r="ALA43" s="15"/>
      <c r="ALB43" s="15"/>
      <c r="ALC43" s="15"/>
      <c r="ALD43" s="15"/>
      <c r="ALE43" s="15"/>
      <c r="ALF43" s="15"/>
      <c r="ALG43" s="15"/>
      <c r="ALH43" s="15"/>
      <c r="ALI43" s="15"/>
      <c r="ALJ43" s="15"/>
      <c r="ALK43" s="15"/>
      <c r="ALL43" s="15"/>
      <c r="ALM43" s="15"/>
      <c r="ALN43" s="15"/>
      <c r="ALO43" s="15"/>
      <c r="ALP43" s="15"/>
      <c r="ALQ43" s="15"/>
      <c r="ALR43" s="15"/>
      <c r="ALS43" s="15"/>
      <c r="ALT43" s="15"/>
      <c r="ALU43" s="15"/>
      <c r="ALV43" s="15"/>
      <c r="ALW43" s="15"/>
      <c r="ALX43" s="15"/>
      <c r="ALY43" s="15"/>
      <c r="ALZ43" s="15"/>
      <c r="AMA43" s="15"/>
      <c r="AMB43" s="15"/>
      <c r="AMC43" s="15"/>
      <c r="AMD43" s="15"/>
      <c r="AME43" s="15"/>
      <c r="AMF43" s="15"/>
      <c r="AMG43" s="15"/>
      <c r="AMH43" s="15"/>
      <c r="AMI43" s="15"/>
      <c r="AMJ43" s="15"/>
      <c r="AMK43" s="15"/>
      <c r="AML43" s="15"/>
      <c r="AMM43" s="15"/>
      <c r="AMN43" s="15"/>
      <c r="AMO43" s="15"/>
      <c r="AMP43" s="15"/>
      <c r="AMQ43" s="15"/>
      <c r="AMR43" s="15"/>
      <c r="AMS43" s="15"/>
      <c r="AMT43" s="15"/>
      <c r="AMU43" s="15"/>
      <c r="AMV43" s="15"/>
      <c r="AMW43" s="15"/>
      <c r="AMX43" s="15"/>
      <c r="AMY43" s="15"/>
      <c r="AMZ43" s="15"/>
      <c r="ANA43" s="15"/>
      <c r="ANB43" s="15"/>
      <c r="ANC43" s="15"/>
      <c r="AND43" s="15"/>
      <c r="ANE43" s="15"/>
      <c r="ANF43" s="15"/>
      <c r="ANG43" s="15"/>
      <c r="ANH43" s="15"/>
      <c r="ANI43" s="15"/>
      <c r="ANJ43" s="15"/>
      <c r="ANK43" s="15"/>
      <c r="ANL43" s="15"/>
      <c r="ANM43" s="15"/>
      <c r="ANN43" s="15"/>
      <c r="ANO43" s="15"/>
      <c r="ANP43" s="15"/>
      <c r="ANQ43" s="15"/>
      <c r="ANR43" s="15"/>
      <c r="ANS43" s="15"/>
      <c r="ANT43" s="15"/>
      <c r="ANU43" s="15"/>
      <c r="ANV43" s="15"/>
      <c r="ANW43" s="15"/>
      <c r="ANX43" s="15"/>
      <c r="ANY43" s="15"/>
      <c r="ANZ43" s="15"/>
      <c r="AOA43" s="15"/>
      <c r="AOB43" s="15"/>
      <c r="AOC43" s="15"/>
      <c r="AOD43" s="15"/>
      <c r="AOE43" s="15"/>
      <c r="AOF43" s="15"/>
      <c r="AOG43" s="15"/>
      <c r="AOH43" s="15"/>
      <c r="AOI43" s="15"/>
      <c r="AOJ43" s="15"/>
      <c r="AOK43" s="15"/>
      <c r="AOL43" s="15"/>
      <c r="AOM43" s="15"/>
      <c r="AON43" s="15"/>
      <c r="AOO43" s="15"/>
      <c r="AOP43" s="15"/>
      <c r="AOQ43" s="15"/>
      <c r="AOR43" s="15"/>
      <c r="AOS43" s="15"/>
      <c r="AOT43" s="15"/>
      <c r="AOU43" s="15"/>
      <c r="AOV43" s="15"/>
      <c r="AOW43" s="15"/>
      <c r="AOX43" s="15"/>
      <c r="AOY43" s="15"/>
      <c r="AOZ43" s="15"/>
      <c r="APA43" s="15"/>
      <c r="APB43" s="15"/>
      <c r="APC43" s="15"/>
      <c r="APD43" s="15"/>
      <c r="APE43" s="15"/>
      <c r="APF43" s="15"/>
      <c r="APG43" s="15"/>
      <c r="APH43" s="15"/>
      <c r="API43" s="15"/>
      <c r="APJ43" s="15"/>
      <c r="APK43" s="15"/>
      <c r="APL43" s="15"/>
      <c r="APM43" s="15"/>
      <c r="APN43" s="15"/>
      <c r="APO43" s="15"/>
      <c r="APP43" s="15"/>
      <c r="APQ43" s="15"/>
      <c r="APR43" s="15"/>
      <c r="APS43" s="15"/>
      <c r="APT43" s="15"/>
      <c r="APU43" s="15"/>
      <c r="APV43" s="15"/>
      <c r="APW43" s="15"/>
      <c r="APX43" s="15"/>
      <c r="APY43" s="15"/>
      <c r="APZ43" s="15"/>
      <c r="AQA43" s="15"/>
      <c r="AQB43" s="15"/>
      <c r="AQC43" s="15"/>
      <c r="AQD43" s="15"/>
      <c r="AQE43" s="15"/>
      <c r="AQF43" s="15"/>
      <c r="AQG43" s="15"/>
      <c r="AQH43" s="15"/>
      <c r="AQI43" s="15"/>
      <c r="AQJ43" s="15"/>
      <c r="AQK43" s="15"/>
      <c r="AQL43" s="15"/>
      <c r="AQM43" s="15"/>
      <c r="AQN43" s="15"/>
      <c r="AQO43" s="15"/>
      <c r="AQP43" s="15"/>
      <c r="AQQ43" s="15"/>
      <c r="AQR43" s="15"/>
      <c r="AQS43" s="15"/>
      <c r="AQT43" s="15"/>
      <c r="AQU43" s="15"/>
      <c r="AQV43" s="15"/>
      <c r="AQW43" s="15"/>
      <c r="AQX43" s="15"/>
      <c r="AQY43" s="15"/>
      <c r="AQZ43" s="15"/>
      <c r="ARA43" s="15"/>
      <c r="ARB43" s="15"/>
      <c r="ARC43" s="15"/>
      <c r="ARD43" s="15"/>
      <c r="ARE43" s="15"/>
      <c r="ARF43" s="15"/>
      <c r="ARG43" s="15"/>
      <c r="ARH43" s="15"/>
      <c r="ARI43" s="15"/>
      <c r="ARJ43" s="15"/>
      <c r="ARK43" s="15"/>
      <c r="ARL43" s="15"/>
      <c r="ARM43" s="15"/>
      <c r="ARN43" s="15"/>
      <c r="ARO43" s="15"/>
      <c r="ARP43" s="15"/>
      <c r="ARQ43" s="15"/>
      <c r="ARR43" s="15"/>
      <c r="ARS43" s="15"/>
      <c r="ART43" s="15"/>
      <c r="ARU43" s="15"/>
      <c r="ARV43" s="15"/>
      <c r="ARW43" s="15"/>
      <c r="ARX43" s="15"/>
      <c r="ARY43" s="15"/>
      <c r="ARZ43" s="15"/>
      <c r="ASA43" s="15"/>
      <c r="ASB43" s="15"/>
      <c r="ASC43" s="15"/>
      <c r="ASD43" s="15"/>
      <c r="ASE43" s="15"/>
      <c r="ASF43" s="15"/>
      <c r="ASG43" s="15"/>
      <c r="ASH43" s="15"/>
      <c r="ASI43" s="15"/>
      <c r="ASJ43" s="15"/>
      <c r="ASK43" s="15"/>
      <c r="ASL43" s="15"/>
      <c r="ASM43" s="15"/>
      <c r="ASN43" s="15"/>
      <c r="ASO43" s="15"/>
      <c r="ASP43" s="15"/>
      <c r="ASQ43" s="15"/>
      <c r="ASR43" s="15"/>
      <c r="ASS43" s="15"/>
      <c r="AST43" s="15"/>
      <c r="ASU43" s="15"/>
      <c r="ASV43" s="15"/>
      <c r="ASW43" s="15"/>
      <c r="ASX43" s="15"/>
      <c r="ASY43" s="15"/>
      <c r="ASZ43" s="15"/>
      <c r="ATA43" s="15"/>
      <c r="ATB43" s="15"/>
      <c r="ATC43" s="15"/>
      <c r="ATD43" s="15"/>
      <c r="ATE43" s="15"/>
      <c r="ATF43" s="15"/>
      <c r="ATG43" s="15"/>
      <c r="ATH43" s="15"/>
      <c r="ATI43" s="15"/>
      <c r="ATJ43" s="15"/>
      <c r="ATK43" s="15"/>
      <c r="ATL43" s="15"/>
      <c r="ATM43" s="15"/>
      <c r="ATN43" s="15"/>
      <c r="ATO43" s="15"/>
      <c r="ATP43" s="15"/>
      <c r="ATQ43" s="15"/>
      <c r="ATR43" s="15"/>
      <c r="ATS43" s="15"/>
      <c r="ATT43" s="15"/>
      <c r="ATU43" s="15"/>
      <c r="ATV43" s="15"/>
      <c r="ATW43" s="15"/>
      <c r="ATX43" s="15"/>
      <c r="ATY43" s="15"/>
      <c r="ATZ43" s="15"/>
      <c r="AUA43" s="15"/>
      <c r="AUB43" s="15"/>
      <c r="AUC43" s="15"/>
      <c r="AUD43" s="15"/>
      <c r="AUE43" s="15"/>
      <c r="AUF43" s="15"/>
      <c r="AUG43" s="15"/>
      <c r="AUH43" s="15"/>
      <c r="AUI43" s="15"/>
      <c r="AUJ43" s="15"/>
      <c r="AUK43" s="15"/>
      <c r="AUL43" s="15"/>
      <c r="AUM43" s="15"/>
      <c r="AUN43" s="15"/>
      <c r="AUO43" s="15"/>
      <c r="AUP43" s="15"/>
      <c r="AUQ43" s="15"/>
      <c r="AUR43" s="15"/>
      <c r="AUS43" s="15"/>
      <c r="AUT43" s="15"/>
      <c r="AUU43" s="15"/>
      <c r="AUV43" s="15"/>
      <c r="AUW43" s="15"/>
      <c r="AUX43" s="15"/>
      <c r="AUY43" s="15"/>
      <c r="AUZ43" s="15"/>
      <c r="AVA43" s="15"/>
      <c r="AVB43" s="15"/>
      <c r="AVC43" s="15"/>
      <c r="AVD43" s="15"/>
      <c r="AVE43" s="15"/>
      <c r="AVF43" s="15"/>
      <c r="AVG43" s="15"/>
      <c r="AVH43" s="15"/>
      <c r="AVI43" s="15"/>
      <c r="AVJ43" s="15"/>
      <c r="AVK43" s="15"/>
      <c r="AVL43" s="15"/>
      <c r="AVM43" s="15"/>
      <c r="AVN43" s="15"/>
      <c r="AVO43" s="15"/>
      <c r="AVP43" s="15"/>
      <c r="AVQ43" s="15"/>
      <c r="AVR43" s="15"/>
      <c r="AVS43" s="15"/>
      <c r="AVT43" s="15"/>
      <c r="AVU43" s="15"/>
      <c r="AVV43" s="15"/>
      <c r="AVW43" s="15"/>
      <c r="AVX43" s="15"/>
      <c r="AVY43" s="15"/>
      <c r="AVZ43" s="15"/>
      <c r="AWA43" s="15"/>
      <c r="AWB43" s="15"/>
      <c r="AWC43" s="15"/>
      <c r="AWD43" s="15"/>
      <c r="AWE43" s="15"/>
      <c r="AWF43" s="15"/>
      <c r="AWG43" s="15"/>
      <c r="AWH43" s="15"/>
      <c r="AWI43" s="15"/>
      <c r="AWJ43" s="15"/>
      <c r="AWK43" s="15"/>
      <c r="AWL43" s="15"/>
      <c r="AWM43" s="15"/>
      <c r="AWN43" s="15"/>
      <c r="AWO43" s="15"/>
      <c r="AWP43" s="15"/>
      <c r="AWQ43" s="15"/>
      <c r="AWR43" s="15"/>
      <c r="AWS43" s="15"/>
      <c r="AWT43" s="15"/>
      <c r="AWU43" s="15"/>
      <c r="AWV43" s="15"/>
      <c r="AWW43" s="15"/>
      <c r="AWX43" s="15"/>
      <c r="AWY43" s="15"/>
      <c r="AWZ43" s="15"/>
      <c r="AXA43" s="15"/>
      <c r="AXB43" s="15"/>
      <c r="AXC43" s="15"/>
      <c r="AXD43" s="15"/>
      <c r="AXE43" s="15"/>
      <c r="AXF43" s="15"/>
      <c r="AXG43" s="15"/>
      <c r="AXH43" s="15"/>
      <c r="AXI43" s="15"/>
      <c r="AXJ43" s="15"/>
      <c r="AXK43" s="15"/>
      <c r="AXL43" s="15"/>
      <c r="AXM43" s="15"/>
      <c r="AXN43" s="15"/>
      <c r="AXO43" s="15"/>
      <c r="AXP43" s="15"/>
      <c r="AXQ43" s="15"/>
      <c r="AXR43" s="15"/>
      <c r="AXS43" s="15"/>
      <c r="AXT43" s="15"/>
      <c r="AXU43" s="15"/>
      <c r="AXV43" s="15"/>
      <c r="AXW43" s="15"/>
      <c r="AXX43" s="15"/>
      <c r="AXY43" s="15"/>
      <c r="AXZ43" s="15"/>
      <c r="AYA43" s="15"/>
      <c r="AYB43" s="15"/>
      <c r="AYC43" s="15"/>
      <c r="AYD43" s="15"/>
      <c r="AYE43" s="15"/>
      <c r="AYF43" s="15"/>
      <c r="AYG43" s="15"/>
      <c r="AYH43" s="15"/>
      <c r="AYI43" s="15"/>
      <c r="AYJ43" s="15"/>
      <c r="AYK43" s="15"/>
      <c r="AYL43" s="15"/>
      <c r="AYM43" s="15"/>
      <c r="AYN43" s="15"/>
      <c r="AYO43" s="15"/>
      <c r="AYP43" s="15"/>
      <c r="AYQ43" s="15"/>
      <c r="AYR43" s="15"/>
      <c r="AYS43" s="15"/>
      <c r="AYT43" s="15"/>
      <c r="AYU43" s="15"/>
      <c r="AYV43" s="15"/>
      <c r="AYW43" s="15"/>
      <c r="AYX43" s="15"/>
      <c r="AYY43" s="15"/>
      <c r="AYZ43" s="15"/>
      <c r="AZA43" s="15"/>
      <c r="AZB43" s="15"/>
      <c r="AZC43" s="15"/>
      <c r="AZD43" s="15"/>
      <c r="AZE43" s="15"/>
      <c r="AZF43" s="15"/>
      <c r="AZG43" s="15"/>
      <c r="AZH43" s="15"/>
      <c r="AZI43" s="15"/>
      <c r="AZJ43" s="15"/>
      <c r="AZK43" s="15"/>
      <c r="AZL43" s="15"/>
      <c r="AZM43" s="15"/>
      <c r="AZN43" s="15"/>
      <c r="AZO43" s="15"/>
      <c r="AZP43" s="15"/>
      <c r="AZQ43" s="15"/>
      <c r="AZR43" s="15"/>
      <c r="AZS43" s="15"/>
      <c r="AZT43" s="15"/>
      <c r="AZU43" s="15"/>
      <c r="AZV43" s="15"/>
      <c r="AZW43" s="15"/>
      <c r="AZX43" s="15"/>
      <c r="AZY43" s="15"/>
      <c r="AZZ43" s="15"/>
      <c r="BAA43" s="15"/>
      <c r="BAB43" s="15"/>
      <c r="BAC43" s="15"/>
      <c r="BAD43" s="15"/>
      <c r="BAE43" s="15"/>
      <c r="BAF43" s="15"/>
      <c r="BAG43" s="15"/>
      <c r="BAH43" s="15"/>
      <c r="BAI43" s="15"/>
      <c r="BAJ43" s="15"/>
      <c r="BAK43" s="15"/>
      <c r="BAL43" s="15"/>
      <c r="BAM43" s="15"/>
      <c r="BAN43" s="15"/>
      <c r="BAO43" s="15"/>
      <c r="BAP43" s="15"/>
      <c r="BAQ43" s="15"/>
      <c r="BAR43" s="15"/>
      <c r="BAS43" s="15"/>
      <c r="BAT43" s="15"/>
      <c r="BAU43" s="15"/>
      <c r="BAV43" s="15"/>
      <c r="BAW43" s="15"/>
      <c r="BAX43" s="15"/>
      <c r="BAY43" s="15"/>
      <c r="BAZ43" s="15"/>
      <c r="BBA43" s="15"/>
      <c r="BBB43" s="15"/>
      <c r="BBC43" s="15"/>
      <c r="BBD43" s="15"/>
      <c r="BBE43" s="15"/>
      <c r="BBF43" s="15"/>
      <c r="BBG43" s="15"/>
      <c r="BBH43" s="15"/>
      <c r="BBI43" s="15"/>
      <c r="BBJ43" s="15"/>
      <c r="BBK43" s="15"/>
      <c r="BBL43" s="15"/>
      <c r="BBM43" s="15"/>
      <c r="BBN43" s="15"/>
    </row>
    <row r="44" spans="1:1418" ht="33.75" customHeight="1" x14ac:dyDescent="0.2">
      <c r="A44" s="53" t="s">
        <v>57</v>
      </c>
      <c r="B44" s="54"/>
      <c r="C44" s="127"/>
      <c r="D44" s="128"/>
      <c r="E44" s="54"/>
      <c r="F44" s="54"/>
      <c r="G44" s="54"/>
      <c r="H44" s="54"/>
      <c r="I44" s="54"/>
      <c r="J44" s="55"/>
    </row>
    <row r="45" spans="1:1418" s="19" customFormat="1" ht="33.75" customHeight="1" x14ac:dyDescent="0.2">
      <c r="A45" s="56" t="s">
        <v>29</v>
      </c>
      <c r="B45" s="57"/>
      <c r="C45" s="137" t="s">
        <v>90</v>
      </c>
      <c r="D45" s="138"/>
      <c r="E45" s="57"/>
      <c r="F45" s="57"/>
      <c r="G45" s="57"/>
      <c r="H45" s="57"/>
      <c r="I45" s="57"/>
      <c r="J45" s="58"/>
    </row>
    <row r="46" spans="1:1418" s="20" customFormat="1" ht="33.75" customHeight="1" x14ac:dyDescent="0.2">
      <c r="A46" s="59" t="s">
        <v>30</v>
      </c>
      <c r="B46" s="57"/>
      <c r="C46" s="139" t="s">
        <v>64</v>
      </c>
      <c r="D46" s="140"/>
      <c r="E46" s="57"/>
      <c r="F46" s="57"/>
      <c r="G46" s="57"/>
      <c r="H46" s="57"/>
      <c r="I46" s="57"/>
      <c r="J46" s="58"/>
      <c r="K46" s="19"/>
      <c r="L46" s="19"/>
      <c r="M46" s="19"/>
      <c r="N46" s="19"/>
      <c r="O46" s="19"/>
      <c r="P46" s="19"/>
      <c r="Q46" s="19"/>
      <c r="R46" s="19"/>
      <c r="S46" s="19"/>
      <c r="T46" s="19"/>
      <c r="U46" s="19"/>
      <c r="V46" s="19"/>
      <c r="W46" s="19"/>
      <c r="X46" s="19"/>
      <c r="Y46" s="19"/>
      <c r="Z46" s="19"/>
      <c r="AA46" s="19"/>
      <c r="AB46" s="19"/>
      <c r="AC46" s="19"/>
      <c r="AD46" s="19"/>
      <c r="AE46" s="19"/>
      <c r="AF46" s="19"/>
      <c r="AG46" s="19"/>
      <c r="AH46" s="19"/>
      <c r="AI46" s="19"/>
      <c r="AJ46" s="19"/>
      <c r="AK46" s="19"/>
      <c r="AL46" s="19"/>
      <c r="AM46" s="19"/>
      <c r="AN46" s="19"/>
      <c r="AO46" s="19"/>
      <c r="AP46" s="19"/>
      <c r="AQ46" s="19"/>
      <c r="AR46" s="19"/>
      <c r="AS46" s="19"/>
      <c r="AT46" s="19"/>
      <c r="AU46" s="19"/>
      <c r="AV46" s="19"/>
      <c r="AW46" s="19"/>
      <c r="AX46" s="19"/>
      <c r="AY46" s="19"/>
      <c r="AZ46" s="19"/>
      <c r="BA46" s="19"/>
      <c r="BB46" s="19"/>
      <c r="BC46" s="19"/>
      <c r="BD46" s="19"/>
      <c r="BE46" s="19"/>
      <c r="BF46" s="19"/>
      <c r="BG46" s="19"/>
      <c r="BH46" s="19"/>
      <c r="BI46" s="19"/>
      <c r="BJ46" s="19"/>
      <c r="BK46" s="19"/>
      <c r="BL46" s="19"/>
      <c r="BM46" s="19"/>
      <c r="BN46" s="19"/>
      <c r="BO46" s="19"/>
      <c r="BP46" s="19"/>
      <c r="BQ46" s="19"/>
      <c r="BR46" s="19"/>
      <c r="BS46" s="19"/>
      <c r="BT46" s="19"/>
      <c r="BU46" s="19"/>
      <c r="BV46" s="19"/>
      <c r="BW46" s="19"/>
      <c r="BX46" s="19"/>
      <c r="BY46" s="19"/>
      <c r="BZ46" s="19"/>
      <c r="CA46" s="19"/>
      <c r="CB46" s="19"/>
      <c r="CC46" s="19"/>
      <c r="CD46" s="19"/>
      <c r="CE46" s="19"/>
      <c r="CF46" s="19"/>
      <c r="CG46" s="19"/>
      <c r="CH46" s="19"/>
      <c r="CI46" s="19"/>
      <c r="CJ46" s="19"/>
      <c r="CK46" s="19"/>
      <c r="CL46" s="19"/>
      <c r="CM46" s="19"/>
      <c r="CN46" s="19"/>
      <c r="CO46" s="19"/>
      <c r="CP46" s="19"/>
      <c r="CQ46" s="19"/>
      <c r="CR46" s="19"/>
      <c r="CS46" s="19"/>
      <c r="CT46" s="19"/>
      <c r="CU46" s="19"/>
      <c r="CV46" s="19"/>
      <c r="CW46" s="19"/>
      <c r="CX46" s="19"/>
      <c r="CY46" s="19"/>
      <c r="CZ46" s="19"/>
      <c r="DA46" s="19"/>
      <c r="DB46" s="19"/>
      <c r="DC46" s="19"/>
      <c r="DD46" s="19"/>
      <c r="DE46" s="19"/>
      <c r="DF46" s="19"/>
      <c r="DG46" s="19"/>
      <c r="DH46" s="19"/>
      <c r="DI46" s="19"/>
      <c r="DJ46" s="19"/>
      <c r="DK46" s="19"/>
      <c r="DL46" s="19"/>
      <c r="DM46" s="19"/>
      <c r="DN46" s="19"/>
      <c r="DO46" s="19"/>
      <c r="DP46" s="19"/>
      <c r="DQ46" s="19"/>
      <c r="DR46" s="19"/>
      <c r="DS46" s="19"/>
      <c r="DT46" s="19"/>
      <c r="DU46" s="19"/>
      <c r="DV46" s="19"/>
      <c r="DW46" s="19"/>
      <c r="DX46" s="19"/>
      <c r="DY46" s="19"/>
      <c r="DZ46" s="19"/>
      <c r="EA46" s="19"/>
      <c r="EB46" s="19"/>
      <c r="EC46" s="19"/>
      <c r="ED46" s="19"/>
      <c r="EE46" s="19"/>
      <c r="EF46" s="19"/>
      <c r="EG46" s="19"/>
      <c r="EH46" s="19"/>
      <c r="EI46" s="19"/>
      <c r="EJ46" s="19"/>
      <c r="EK46" s="19"/>
      <c r="EL46" s="19"/>
      <c r="EM46" s="19"/>
      <c r="EN46" s="19"/>
      <c r="EO46" s="19"/>
      <c r="EP46" s="19"/>
      <c r="EQ46" s="19"/>
      <c r="ER46" s="19"/>
      <c r="ES46" s="19"/>
      <c r="ET46" s="19"/>
      <c r="EU46" s="19"/>
      <c r="EV46" s="19"/>
      <c r="EW46" s="19"/>
      <c r="EX46" s="19"/>
      <c r="EY46" s="19"/>
      <c r="EZ46" s="19"/>
      <c r="FA46" s="19"/>
      <c r="FB46" s="19"/>
      <c r="FC46" s="19"/>
      <c r="FD46" s="19"/>
      <c r="FE46" s="19"/>
      <c r="FF46" s="19"/>
      <c r="FG46" s="19"/>
      <c r="FH46" s="19"/>
      <c r="FI46" s="19"/>
      <c r="FJ46" s="19"/>
      <c r="FK46" s="19"/>
      <c r="FL46" s="19"/>
      <c r="FM46" s="19"/>
      <c r="FN46" s="19"/>
      <c r="FO46" s="19"/>
      <c r="FP46" s="19"/>
      <c r="FQ46" s="19"/>
      <c r="FR46" s="19"/>
      <c r="FS46" s="19"/>
      <c r="FT46" s="19"/>
      <c r="FU46" s="19"/>
      <c r="FV46" s="19"/>
      <c r="FW46" s="19"/>
      <c r="FX46" s="19"/>
      <c r="FY46" s="19"/>
      <c r="FZ46" s="19"/>
      <c r="GA46" s="19"/>
      <c r="GB46" s="19"/>
      <c r="GC46" s="19"/>
      <c r="GD46" s="19"/>
      <c r="GE46" s="19"/>
      <c r="GF46" s="19"/>
      <c r="GG46" s="19"/>
      <c r="GH46" s="19"/>
      <c r="GI46" s="19"/>
      <c r="GJ46" s="19"/>
      <c r="GK46" s="19"/>
      <c r="GL46" s="19"/>
      <c r="GM46" s="19"/>
      <c r="GN46" s="19"/>
      <c r="GO46" s="19"/>
      <c r="GP46" s="19"/>
      <c r="GQ46" s="19"/>
      <c r="GR46" s="19"/>
      <c r="GS46" s="19"/>
      <c r="GT46" s="19"/>
      <c r="GU46" s="19"/>
      <c r="GV46" s="19"/>
      <c r="GW46" s="19"/>
      <c r="GX46" s="19"/>
      <c r="GY46" s="19"/>
      <c r="GZ46" s="19"/>
      <c r="HA46" s="19"/>
      <c r="HB46" s="19"/>
      <c r="HC46" s="19"/>
      <c r="HD46" s="19"/>
      <c r="HE46" s="19"/>
      <c r="HF46" s="19"/>
      <c r="HG46" s="19"/>
      <c r="HH46" s="19"/>
      <c r="HI46" s="19"/>
      <c r="HJ46" s="19"/>
      <c r="HK46" s="19"/>
      <c r="HL46" s="19"/>
      <c r="HM46" s="19"/>
      <c r="HN46" s="19"/>
      <c r="HO46" s="19"/>
      <c r="HP46" s="19"/>
      <c r="HQ46" s="19"/>
      <c r="HR46" s="19"/>
      <c r="HS46" s="19"/>
      <c r="HT46" s="19"/>
      <c r="HU46" s="19"/>
      <c r="HV46" s="19"/>
      <c r="HW46" s="19"/>
      <c r="HX46" s="19"/>
      <c r="HY46" s="19"/>
      <c r="HZ46" s="19"/>
      <c r="IA46" s="19"/>
      <c r="IB46" s="19"/>
      <c r="IC46" s="19"/>
      <c r="ID46" s="19"/>
      <c r="IE46" s="19"/>
      <c r="IF46" s="19"/>
      <c r="IG46" s="19"/>
      <c r="IH46" s="19"/>
      <c r="II46" s="19"/>
      <c r="IJ46" s="19"/>
      <c r="IK46" s="19"/>
      <c r="IL46" s="19"/>
      <c r="IM46" s="19"/>
      <c r="IN46" s="19"/>
      <c r="IO46" s="19"/>
      <c r="IP46" s="19"/>
      <c r="IQ46" s="19"/>
      <c r="IR46" s="19"/>
      <c r="IS46" s="19"/>
      <c r="IT46" s="19"/>
      <c r="IU46" s="19"/>
      <c r="IV46" s="19"/>
      <c r="IW46" s="19"/>
      <c r="IX46" s="19"/>
      <c r="IY46" s="19"/>
      <c r="IZ46" s="19"/>
      <c r="JA46" s="19"/>
      <c r="JB46" s="19"/>
      <c r="JC46" s="19"/>
      <c r="JD46" s="19"/>
      <c r="JE46" s="19"/>
      <c r="JF46" s="19"/>
      <c r="JG46" s="19"/>
      <c r="JH46" s="19"/>
      <c r="JI46" s="19"/>
      <c r="JJ46" s="19"/>
      <c r="JK46" s="19"/>
      <c r="JL46" s="19"/>
      <c r="JM46" s="19"/>
      <c r="JN46" s="19"/>
      <c r="JO46" s="19"/>
      <c r="JP46" s="19"/>
      <c r="JQ46" s="19"/>
      <c r="JR46" s="19"/>
      <c r="JS46" s="19"/>
      <c r="JT46" s="19"/>
      <c r="JU46" s="19"/>
      <c r="JV46" s="19"/>
      <c r="JW46" s="19"/>
      <c r="JX46" s="19"/>
      <c r="JY46" s="19"/>
      <c r="JZ46" s="19"/>
      <c r="KA46" s="19"/>
      <c r="KB46" s="19"/>
      <c r="KC46" s="19"/>
      <c r="KD46" s="19"/>
      <c r="KE46" s="19"/>
      <c r="KF46" s="19"/>
      <c r="KG46" s="19"/>
      <c r="KH46" s="19"/>
      <c r="KI46" s="19"/>
      <c r="KJ46" s="19"/>
      <c r="KK46" s="19"/>
      <c r="KL46" s="19"/>
      <c r="KM46" s="19"/>
      <c r="KN46" s="19"/>
      <c r="KO46" s="19"/>
      <c r="KP46" s="19"/>
      <c r="KQ46" s="19"/>
      <c r="KR46" s="19"/>
      <c r="KS46" s="19"/>
      <c r="KT46" s="19"/>
      <c r="KU46" s="19"/>
      <c r="KV46" s="19"/>
      <c r="KW46" s="19"/>
      <c r="KX46" s="19"/>
      <c r="KY46" s="19"/>
      <c r="KZ46" s="19"/>
      <c r="LA46" s="19"/>
      <c r="LB46" s="19"/>
      <c r="LC46" s="19"/>
      <c r="LD46" s="19"/>
      <c r="LE46" s="19"/>
      <c r="LF46" s="19"/>
      <c r="LG46" s="19"/>
      <c r="LH46" s="19"/>
      <c r="LI46" s="19"/>
      <c r="LJ46" s="19"/>
      <c r="LK46" s="19"/>
      <c r="LL46" s="19"/>
      <c r="LM46" s="19"/>
      <c r="LN46" s="19"/>
      <c r="LO46" s="19"/>
      <c r="LP46" s="19"/>
      <c r="LQ46" s="19"/>
      <c r="LR46" s="19"/>
      <c r="LS46" s="19"/>
      <c r="LT46" s="19"/>
      <c r="LU46" s="19"/>
      <c r="LV46" s="19"/>
      <c r="LW46" s="19"/>
      <c r="LX46" s="19"/>
      <c r="LY46" s="19"/>
      <c r="LZ46" s="19"/>
      <c r="MA46" s="19"/>
      <c r="MB46" s="19"/>
      <c r="MC46" s="19"/>
      <c r="MD46" s="19"/>
      <c r="ME46" s="19"/>
      <c r="MF46" s="19"/>
      <c r="MG46" s="19"/>
      <c r="MH46" s="19"/>
      <c r="MI46" s="19"/>
      <c r="MJ46" s="19"/>
      <c r="MK46" s="19"/>
      <c r="ML46" s="19"/>
      <c r="MM46" s="19"/>
      <c r="MN46" s="19"/>
      <c r="MO46" s="19"/>
      <c r="MP46" s="19"/>
      <c r="MQ46" s="19"/>
      <c r="MR46" s="19"/>
      <c r="MS46" s="19"/>
      <c r="MT46" s="19"/>
      <c r="MU46" s="19"/>
      <c r="MV46" s="19"/>
      <c r="MW46" s="19"/>
      <c r="MX46" s="19"/>
      <c r="MY46" s="19"/>
      <c r="MZ46" s="19"/>
      <c r="NA46" s="19"/>
      <c r="NB46" s="19"/>
      <c r="NC46" s="19"/>
      <c r="ND46" s="19"/>
      <c r="NE46" s="19"/>
      <c r="NF46" s="19"/>
      <c r="NG46" s="19"/>
      <c r="NH46" s="19"/>
      <c r="NI46" s="19"/>
      <c r="NJ46" s="19"/>
      <c r="NK46" s="19"/>
      <c r="NL46" s="19"/>
      <c r="NM46" s="19"/>
      <c r="NN46" s="19"/>
      <c r="NO46" s="19"/>
      <c r="NP46" s="19"/>
      <c r="NQ46" s="19"/>
      <c r="NR46" s="19"/>
      <c r="NS46" s="19"/>
      <c r="NT46" s="19"/>
      <c r="NU46" s="19"/>
      <c r="NV46" s="19"/>
      <c r="NW46" s="19"/>
      <c r="NX46" s="19"/>
      <c r="NY46" s="19"/>
      <c r="NZ46" s="19"/>
      <c r="OA46" s="19"/>
      <c r="OB46" s="19"/>
      <c r="OC46" s="19"/>
      <c r="OD46" s="19"/>
      <c r="OE46" s="19"/>
      <c r="OF46" s="19"/>
      <c r="OG46" s="19"/>
      <c r="OH46" s="19"/>
      <c r="OI46" s="19"/>
      <c r="OJ46" s="19"/>
      <c r="OK46" s="19"/>
      <c r="OL46" s="19"/>
      <c r="OM46" s="19"/>
      <c r="ON46" s="19"/>
      <c r="OO46" s="19"/>
      <c r="OP46" s="19"/>
      <c r="OQ46" s="19"/>
      <c r="OR46" s="19"/>
      <c r="OS46" s="19"/>
      <c r="OT46" s="19"/>
      <c r="OU46" s="19"/>
      <c r="OV46" s="19"/>
      <c r="OW46" s="19"/>
      <c r="OX46" s="19"/>
      <c r="OY46" s="19"/>
      <c r="OZ46" s="19"/>
      <c r="PA46" s="19"/>
      <c r="PB46" s="19"/>
      <c r="PC46" s="19"/>
      <c r="PD46" s="19"/>
      <c r="PE46" s="19"/>
      <c r="PF46" s="19"/>
      <c r="PG46" s="19"/>
      <c r="PH46" s="19"/>
      <c r="PI46" s="19"/>
      <c r="PJ46" s="19"/>
      <c r="PK46" s="19"/>
      <c r="PL46" s="19"/>
      <c r="PM46" s="19"/>
      <c r="PN46" s="19"/>
      <c r="PO46" s="19"/>
      <c r="PP46" s="19"/>
      <c r="PQ46" s="19"/>
      <c r="PR46" s="19"/>
      <c r="PS46" s="19"/>
      <c r="PT46" s="19"/>
      <c r="PU46" s="19"/>
      <c r="PV46" s="19"/>
      <c r="PW46" s="19"/>
      <c r="PX46" s="19"/>
      <c r="PY46" s="19"/>
      <c r="PZ46" s="19"/>
      <c r="QA46" s="19"/>
      <c r="QB46" s="19"/>
      <c r="QC46" s="19"/>
      <c r="QD46" s="19"/>
      <c r="QE46" s="19"/>
      <c r="QF46" s="19"/>
      <c r="QG46" s="19"/>
      <c r="QH46" s="19"/>
      <c r="QI46" s="19"/>
      <c r="QJ46" s="19"/>
      <c r="QK46" s="19"/>
      <c r="QL46" s="19"/>
      <c r="QM46" s="19"/>
      <c r="QN46" s="19"/>
      <c r="QO46" s="19"/>
      <c r="QP46" s="19"/>
      <c r="QQ46" s="19"/>
      <c r="QR46" s="19"/>
      <c r="QS46" s="19"/>
      <c r="QT46" s="19"/>
      <c r="QU46" s="19"/>
      <c r="QV46" s="19"/>
      <c r="QW46" s="19"/>
      <c r="QX46" s="19"/>
      <c r="QY46" s="19"/>
      <c r="QZ46" s="19"/>
      <c r="RA46" s="19"/>
      <c r="RB46" s="19"/>
      <c r="RC46" s="19"/>
      <c r="RD46" s="19"/>
      <c r="RE46" s="19"/>
      <c r="RF46" s="19"/>
      <c r="RG46" s="19"/>
      <c r="RH46" s="19"/>
      <c r="RI46" s="19"/>
      <c r="RJ46" s="19"/>
      <c r="RK46" s="19"/>
      <c r="RL46" s="19"/>
      <c r="RM46" s="19"/>
      <c r="RN46" s="19"/>
      <c r="RO46" s="19"/>
      <c r="RP46" s="19"/>
      <c r="RQ46" s="19"/>
      <c r="RR46" s="19"/>
      <c r="RS46" s="19"/>
      <c r="RT46" s="19"/>
      <c r="RU46" s="19"/>
      <c r="RV46" s="19"/>
      <c r="RW46" s="19"/>
      <c r="RX46" s="19"/>
      <c r="RY46" s="19"/>
      <c r="RZ46" s="19"/>
      <c r="SA46" s="19"/>
      <c r="SB46" s="19"/>
      <c r="SC46" s="19"/>
      <c r="SD46" s="19"/>
      <c r="SE46" s="19"/>
      <c r="SF46" s="19"/>
      <c r="SG46" s="19"/>
      <c r="SH46" s="19"/>
      <c r="SI46" s="19"/>
      <c r="SJ46" s="19"/>
      <c r="SK46" s="19"/>
      <c r="SL46" s="19"/>
      <c r="SM46" s="19"/>
      <c r="SN46" s="19"/>
      <c r="SO46" s="19"/>
      <c r="SP46" s="19"/>
      <c r="SQ46" s="19"/>
      <c r="SR46" s="19"/>
      <c r="SS46" s="19"/>
      <c r="ST46" s="19"/>
      <c r="SU46" s="19"/>
      <c r="SV46" s="19"/>
      <c r="SW46" s="19"/>
      <c r="SX46" s="19"/>
      <c r="SY46" s="19"/>
      <c r="SZ46" s="19"/>
      <c r="TA46" s="19"/>
      <c r="TB46" s="19"/>
      <c r="TC46" s="19"/>
      <c r="TD46" s="19"/>
      <c r="TE46" s="19"/>
      <c r="TF46" s="19"/>
      <c r="TG46" s="19"/>
      <c r="TH46" s="19"/>
      <c r="TI46" s="19"/>
      <c r="TJ46" s="19"/>
      <c r="TK46" s="19"/>
      <c r="TL46" s="19"/>
      <c r="TM46" s="19"/>
      <c r="TN46" s="19"/>
      <c r="TO46" s="19"/>
      <c r="TP46" s="19"/>
      <c r="TQ46" s="19"/>
      <c r="TR46" s="19"/>
      <c r="TS46" s="19"/>
      <c r="TT46" s="19"/>
      <c r="TU46" s="19"/>
      <c r="TV46" s="19"/>
      <c r="TW46" s="19"/>
      <c r="TX46" s="19"/>
      <c r="TY46" s="19"/>
      <c r="TZ46" s="19"/>
      <c r="UA46" s="19"/>
      <c r="UB46" s="19"/>
      <c r="UC46" s="19"/>
      <c r="UD46" s="19"/>
      <c r="UE46" s="19"/>
      <c r="UF46" s="19"/>
      <c r="UG46" s="19"/>
      <c r="UH46" s="19"/>
      <c r="UI46" s="19"/>
      <c r="UJ46" s="19"/>
      <c r="UK46" s="19"/>
      <c r="UL46" s="19"/>
      <c r="UM46" s="19"/>
      <c r="UN46" s="19"/>
      <c r="UO46" s="19"/>
      <c r="UP46" s="19"/>
      <c r="UQ46" s="19"/>
      <c r="UR46" s="19"/>
      <c r="US46" s="19"/>
      <c r="UT46" s="19"/>
      <c r="UU46" s="19"/>
      <c r="UV46" s="19"/>
      <c r="UW46" s="19"/>
      <c r="UX46" s="19"/>
      <c r="UY46" s="19"/>
      <c r="UZ46" s="19"/>
      <c r="VA46" s="19"/>
      <c r="VB46" s="19"/>
      <c r="VC46" s="19"/>
      <c r="VD46" s="19"/>
      <c r="VE46" s="19"/>
      <c r="VF46" s="19"/>
      <c r="VG46" s="19"/>
      <c r="VH46" s="19"/>
      <c r="VI46" s="19"/>
      <c r="VJ46" s="19"/>
      <c r="VK46" s="19"/>
      <c r="VL46" s="19"/>
      <c r="VM46" s="19"/>
      <c r="VN46" s="19"/>
      <c r="VO46" s="19"/>
      <c r="VP46" s="19"/>
      <c r="VQ46" s="19"/>
      <c r="VR46" s="19"/>
      <c r="VS46" s="19"/>
      <c r="VT46" s="19"/>
      <c r="VU46" s="19"/>
      <c r="VV46" s="19"/>
      <c r="VW46" s="19"/>
      <c r="VX46" s="19"/>
      <c r="VY46" s="19"/>
      <c r="VZ46" s="19"/>
      <c r="WA46" s="19"/>
      <c r="WB46" s="19"/>
      <c r="WC46" s="19"/>
      <c r="WD46" s="19"/>
      <c r="WE46" s="19"/>
      <c r="WF46" s="19"/>
      <c r="WG46" s="19"/>
      <c r="WH46" s="19"/>
      <c r="WI46" s="19"/>
      <c r="WJ46" s="19"/>
      <c r="WK46" s="19"/>
      <c r="WL46" s="19"/>
      <c r="WM46" s="19"/>
      <c r="WN46" s="19"/>
      <c r="WO46" s="19"/>
      <c r="WP46" s="19"/>
      <c r="WQ46" s="19"/>
      <c r="WR46" s="19"/>
      <c r="WS46" s="19"/>
      <c r="WT46" s="19"/>
      <c r="WU46" s="19"/>
      <c r="WV46" s="19"/>
      <c r="WW46" s="19"/>
      <c r="WX46" s="19"/>
      <c r="WY46" s="19"/>
      <c r="WZ46" s="19"/>
      <c r="XA46" s="19"/>
      <c r="XB46" s="19"/>
      <c r="XC46" s="19"/>
      <c r="XD46" s="19"/>
      <c r="XE46" s="19"/>
      <c r="XF46" s="19"/>
      <c r="XG46" s="19"/>
      <c r="XH46" s="19"/>
      <c r="XI46" s="19"/>
      <c r="XJ46" s="19"/>
      <c r="XK46" s="19"/>
      <c r="XL46" s="19"/>
      <c r="XM46" s="19"/>
      <c r="XN46" s="19"/>
      <c r="XO46" s="19"/>
      <c r="XP46" s="19"/>
      <c r="XQ46" s="19"/>
      <c r="XR46" s="19"/>
      <c r="XS46" s="19"/>
      <c r="XT46" s="19"/>
      <c r="XU46" s="19"/>
      <c r="XV46" s="19"/>
      <c r="XW46" s="19"/>
      <c r="XX46" s="19"/>
      <c r="XY46" s="19"/>
      <c r="XZ46" s="19"/>
      <c r="YA46" s="19"/>
      <c r="YB46" s="19"/>
      <c r="YC46" s="19"/>
      <c r="YD46" s="19"/>
      <c r="YE46" s="19"/>
      <c r="YF46" s="19"/>
      <c r="YG46" s="19"/>
      <c r="YH46" s="19"/>
      <c r="YI46" s="19"/>
      <c r="YJ46" s="19"/>
      <c r="YK46" s="19"/>
      <c r="YL46" s="19"/>
      <c r="YM46" s="19"/>
      <c r="YN46" s="19"/>
      <c r="YO46" s="19"/>
      <c r="YP46" s="19"/>
      <c r="YQ46" s="19"/>
      <c r="YR46" s="19"/>
      <c r="YS46" s="19"/>
      <c r="YT46" s="19"/>
      <c r="YU46" s="19"/>
      <c r="YV46" s="19"/>
      <c r="YW46" s="19"/>
      <c r="YX46" s="19"/>
      <c r="YY46" s="19"/>
      <c r="YZ46" s="19"/>
      <c r="ZA46" s="19"/>
      <c r="ZB46" s="19"/>
      <c r="ZC46" s="19"/>
      <c r="ZD46" s="19"/>
      <c r="ZE46" s="19"/>
      <c r="ZF46" s="19"/>
      <c r="ZG46" s="19"/>
      <c r="ZH46" s="19"/>
      <c r="ZI46" s="19"/>
      <c r="ZJ46" s="19"/>
      <c r="ZK46" s="19"/>
      <c r="ZL46" s="19"/>
      <c r="ZM46" s="19"/>
      <c r="ZN46" s="19"/>
      <c r="ZO46" s="19"/>
      <c r="ZP46" s="19"/>
      <c r="ZQ46" s="19"/>
      <c r="ZR46" s="19"/>
      <c r="ZS46" s="19"/>
      <c r="ZT46" s="19"/>
      <c r="ZU46" s="19"/>
      <c r="ZV46" s="19"/>
      <c r="ZW46" s="19"/>
      <c r="ZX46" s="19"/>
      <c r="ZY46" s="19"/>
      <c r="ZZ46" s="19"/>
      <c r="AAA46" s="19"/>
      <c r="AAB46" s="19"/>
      <c r="AAC46" s="19"/>
      <c r="AAD46" s="19"/>
      <c r="AAE46" s="19"/>
      <c r="AAF46" s="19"/>
      <c r="AAG46" s="19"/>
      <c r="AAH46" s="19"/>
      <c r="AAI46" s="19"/>
      <c r="AAJ46" s="19"/>
      <c r="AAK46" s="19"/>
      <c r="AAL46" s="19"/>
      <c r="AAM46" s="19"/>
      <c r="AAN46" s="19"/>
      <c r="AAO46" s="19"/>
      <c r="AAP46" s="19"/>
      <c r="AAQ46" s="19"/>
      <c r="AAR46" s="19"/>
      <c r="AAS46" s="19"/>
      <c r="AAT46" s="19"/>
      <c r="AAU46" s="19"/>
      <c r="AAV46" s="19"/>
      <c r="AAW46" s="19"/>
      <c r="AAX46" s="19"/>
      <c r="AAY46" s="19"/>
      <c r="AAZ46" s="19"/>
      <c r="ABA46" s="19"/>
      <c r="ABB46" s="19"/>
      <c r="ABC46" s="19"/>
      <c r="ABD46" s="19"/>
      <c r="ABE46" s="19"/>
      <c r="ABF46" s="19"/>
      <c r="ABG46" s="19"/>
      <c r="ABH46" s="19"/>
      <c r="ABI46" s="19"/>
      <c r="ABJ46" s="19"/>
      <c r="ABK46" s="19"/>
      <c r="ABL46" s="19"/>
      <c r="ABM46" s="19"/>
      <c r="ABN46" s="19"/>
      <c r="ABO46" s="19"/>
      <c r="ABP46" s="19"/>
      <c r="ABQ46" s="19"/>
      <c r="ABR46" s="19"/>
      <c r="ABS46" s="19"/>
      <c r="ABT46" s="19"/>
      <c r="ABU46" s="19"/>
      <c r="ABV46" s="19"/>
      <c r="ABW46" s="19"/>
      <c r="ABX46" s="19"/>
      <c r="ABY46" s="19"/>
      <c r="ABZ46" s="19"/>
      <c r="ACA46" s="19"/>
      <c r="ACB46" s="19"/>
      <c r="ACC46" s="19"/>
      <c r="ACD46" s="19"/>
      <c r="ACE46" s="19"/>
      <c r="ACF46" s="19"/>
      <c r="ACG46" s="19"/>
      <c r="ACH46" s="19"/>
      <c r="ACI46" s="19"/>
      <c r="ACJ46" s="19"/>
      <c r="ACK46" s="19"/>
      <c r="ACL46" s="19"/>
      <c r="ACM46" s="19"/>
      <c r="ACN46" s="19"/>
      <c r="ACO46" s="19"/>
      <c r="ACP46" s="19"/>
      <c r="ACQ46" s="19"/>
      <c r="ACR46" s="19"/>
      <c r="ACS46" s="19"/>
      <c r="ACT46" s="19"/>
      <c r="ACU46" s="19"/>
      <c r="ACV46" s="19"/>
      <c r="ACW46" s="19"/>
      <c r="ACX46" s="19"/>
      <c r="ACY46" s="19"/>
      <c r="ACZ46" s="19"/>
      <c r="ADA46" s="19"/>
      <c r="ADB46" s="19"/>
      <c r="ADC46" s="19"/>
      <c r="ADD46" s="19"/>
      <c r="ADE46" s="19"/>
      <c r="ADF46" s="19"/>
      <c r="ADG46" s="19"/>
      <c r="ADH46" s="19"/>
      <c r="ADI46" s="19"/>
      <c r="ADJ46" s="19"/>
      <c r="ADK46" s="19"/>
      <c r="ADL46" s="19"/>
      <c r="ADM46" s="19"/>
      <c r="ADN46" s="19"/>
      <c r="ADO46" s="19"/>
      <c r="ADP46" s="19"/>
      <c r="ADQ46" s="19"/>
      <c r="ADR46" s="19"/>
      <c r="ADS46" s="19"/>
      <c r="ADT46" s="19"/>
      <c r="ADU46" s="19"/>
      <c r="ADV46" s="19"/>
      <c r="ADW46" s="19"/>
      <c r="ADX46" s="19"/>
      <c r="ADY46" s="19"/>
      <c r="ADZ46" s="19"/>
      <c r="AEA46" s="19"/>
      <c r="AEB46" s="19"/>
      <c r="AEC46" s="19"/>
      <c r="AED46" s="19"/>
      <c r="AEE46" s="19"/>
      <c r="AEF46" s="19"/>
      <c r="AEG46" s="19"/>
      <c r="AEH46" s="19"/>
      <c r="AEI46" s="19"/>
      <c r="AEJ46" s="19"/>
      <c r="AEK46" s="19"/>
      <c r="AEL46" s="19"/>
      <c r="AEM46" s="19"/>
      <c r="AEN46" s="19"/>
      <c r="AEO46" s="19"/>
      <c r="AEP46" s="19"/>
      <c r="AEQ46" s="19"/>
      <c r="AER46" s="19"/>
      <c r="AES46" s="19"/>
      <c r="AET46" s="19"/>
      <c r="AEU46" s="19"/>
      <c r="AEV46" s="19"/>
      <c r="AEW46" s="19"/>
      <c r="AEX46" s="19"/>
      <c r="AEY46" s="19"/>
      <c r="AEZ46" s="19"/>
      <c r="AFA46" s="19"/>
      <c r="AFB46" s="19"/>
      <c r="AFC46" s="19"/>
      <c r="AFD46" s="19"/>
      <c r="AFE46" s="19"/>
      <c r="AFF46" s="19"/>
      <c r="AFG46" s="19"/>
      <c r="AFH46" s="19"/>
      <c r="AFI46" s="19"/>
      <c r="AFJ46" s="19"/>
      <c r="AFK46" s="19"/>
      <c r="AFL46" s="19"/>
      <c r="AFM46" s="19"/>
      <c r="AFN46" s="19"/>
      <c r="AFO46" s="19"/>
      <c r="AFP46" s="19"/>
      <c r="AFQ46" s="19"/>
      <c r="AFR46" s="19"/>
      <c r="AFS46" s="19"/>
      <c r="AFT46" s="19"/>
      <c r="AFU46" s="19"/>
      <c r="AFV46" s="19"/>
      <c r="AFW46" s="19"/>
      <c r="AFX46" s="19"/>
      <c r="AFY46" s="19"/>
      <c r="AFZ46" s="19"/>
      <c r="AGA46" s="19"/>
      <c r="AGB46" s="19"/>
      <c r="AGC46" s="19"/>
      <c r="AGD46" s="19"/>
      <c r="AGE46" s="19"/>
      <c r="AGF46" s="19"/>
      <c r="AGG46" s="19"/>
      <c r="AGH46" s="19"/>
      <c r="AGI46" s="19"/>
      <c r="AGJ46" s="19"/>
      <c r="AGK46" s="19"/>
      <c r="AGL46" s="19"/>
      <c r="AGM46" s="19"/>
      <c r="AGN46" s="19"/>
      <c r="AGO46" s="19"/>
      <c r="AGP46" s="19"/>
      <c r="AGQ46" s="19"/>
      <c r="AGR46" s="19"/>
      <c r="AGS46" s="19"/>
      <c r="AGT46" s="19"/>
      <c r="AGU46" s="19"/>
      <c r="AGV46" s="19"/>
      <c r="AGW46" s="19"/>
      <c r="AGX46" s="19"/>
      <c r="AGY46" s="19"/>
      <c r="AGZ46" s="19"/>
      <c r="AHA46" s="19"/>
      <c r="AHB46" s="19"/>
      <c r="AHC46" s="19"/>
      <c r="AHD46" s="19"/>
      <c r="AHE46" s="19"/>
      <c r="AHF46" s="19"/>
      <c r="AHG46" s="19"/>
      <c r="AHH46" s="19"/>
      <c r="AHI46" s="19"/>
      <c r="AHJ46" s="19"/>
      <c r="AHK46" s="19"/>
      <c r="AHL46" s="19"/>
      <c r="AHM46" s="19"/>
      <c r="AHN46" s="19"/>
      <c r="AHO46" s="19"/>
      <c r="AHP46" s="19"/>
      <c r="AHQ46" s="19"/>
      <c r="AHR46" s="19"/>
      <c r="AHS46" s="19"/>
      <c r="AHT46" s="19"/>
      <c r="AHU46" s="19"/>
      <c r="AHV46" s="19"/>
      <c r="AHW46" s="19"/>
      <c r="AHX46" s="19"/>
      <c r="AHY46" s="19"/>
      <c r="AHZ46" s="19"/>
      <c r="AIA46" s="19"/>
      <c r="AIB46" s="19"/>
      <c r="AIC46" s="19"/>
      <c r="AID46" s="19"/>
      <c r="AIE46" s="19"/>
      <c r="AIF46" s="19"/>
      <c r="AIG46" s="19"/>
      <c r="AIH46" s="19"/>
      <c r="AII46" s="19"/>
      <c r="AIJ46" s="19"/>
      <c r="AIK46" s="19"/>
      <c r="AIL46" s="19"/>
      <c r="AIM46" s="19"/>
      <c r="AIN46" s="19"/>
      <c r="AIO46" s="19"/>
      <c r="AIP46" s="19"/>
      <c r="AIQ46" s="19"/>
      <c r="AIR46" s="19"/>
      <c r="AIS46" s="19"/>
      <c r="AIT46" s="19"/>
      <c r="AIU46" s="19"/>
      <c r="AIV46" s="19"/>
      <c r="AIW46" s="19"/>
      <c r="AIX46" s="19"/>
      <c r="AIY46" s="19"/>
      <c r="AIZ46" s="19"/>
      <c r="AJA46" s="19"/>
      <c r="AJB46" s="19"/>
      <c r="AJC46" s="19"/>
      <c r="AJD46" s="19"/>
      <c r="AJE46" s="19"/>
      <c r="AJF46" s="19"/>
      <c r="AJG46" s="19"/>
      <c r="AJH46" s="19"/>
      <c r="AJI46" s="19"/>
      <c r="AJJ46" s="19"/>
      <c r="AJK46" s="19"/>
      <c r="AJL46" s="19"/>
      <c r="AJM46" s="19"/>
      <c r="AJN46" s="19"/>
      <c r="AJO46" s="19"/>
      <c r="AJP46" s="19"/>
      <c r="AJQ46" s="19"/>
      <c r="AJR46" s="19"/>
      <c r="AJS46" s="19"/>
      <c r="AJT46" s="19"/>
      <c r="AJU46" s="19"/>
      <c r="AJV46" s="19"/>
      <c r="AJW46" s="19"/>
      <c r="AJX46" s="19"/>
      <c r="AJY46" s="19"/>
      <c r="AJZ46" s="19"/>
      <c r="AKA46" s="19"/>
      <c r="AKB46" s="19"/>
      <c r="AKC46" s="19"/>
      <c r="AKD46" s="19"/>
      <c r="AKE46" s="19"/>
      <c r="AKF46" s="19"/>
      <c r="AKG46" s="19"/>
      <c r="AKH46" s="19"/>
      <c r="AKI46" s="19"/>
      <c r="AKJ46" s="19"/>
      <c r="AKK46" s="19"/>
      <c r="AKL46" s="19"/>
      <c r="AKM46" s="19"/>
      <c r="AKN46" s="19"/>
      <c r="AKO46" s="19"/>
      <c r="AKP46" s="19"/>
      <c r="AKQ46" s="19"/>
      <c r="AKR46" s="19"/>
      <c r="AKS46" s="19"/>
      <c r="AKT46" s="19"/>
      <c r="AKU46" s="19"/>
      <c r="AKV46" s="19"/>
      <c r="AKW46" s="19"/>
      <c r="AKX46" s="19"/>
      <c r="AKY46" s="19"/>
      <c r="AKZ46" s="19"/>
      <c r="ALA46" s="19"/>
      <c r="ALB46" s="19"/>
      <c r="ALC46" s="19"/>
      <c r="ALD46" s="19"/>
      <c r="ALE46" s="19"/>
      <c r="ALF46" s="19"/>
      <c r="ALG46" s="19"/>
      <c r="ALH46" s="19"/>
      <c r="ALI46" s="19"/>
      <c r="ALJ46" s="19"/>
      <c r="ALK46" s="19"/>
      <c r="ALL46" s="19"/>
      <c r="ALM46" s="19"/>
      <c r="ALN46" s="19"/>
      <c r="ALO46" s="19"/>
      <c r="ALP46" s="19"/>
      <c r="ALQ46" s="19"/>
      <c r="ALR46" s="19"/>
      <c r="ALS46" s="19"/>
      <c r="ALT46" s="19"/>
      <c r="ALU46" s="19"/>
      <c r="ALV46" s="19"/>
      <c r="ALW46" s="19"/>
      <c r="ALX46" s="19"/>
      <c r="ALY46" s="19"/>
      <c r="ALZ46" s="19"/>
      <c r="AMA46" s="19"/>
      <c r="AMB46" s="19"/>
      <c r="AMC46" s="19"/>
      <c r="AMD46" s="19"/>
      <c r="AME46" s="19"/>
      <c r="AMF46" s="19"/>
      <c r="AMG46" s="19"/>
      <c r="AMH46" s="19"/>
      <c r="AMI46" s="19"/>
      <c r="AMJ46" s="19"/>
      <c r="AMK46" s="19"/>
      <c r="AML46" s="19"/>
      <c r="AMM46" s="19"/>
      <c r="AMN46" s="19"/>
      <c r="AMO46" s="19"/>
      <c r="AMP46" s="19"/>
      <c r="AMQ46" s="19"/>
      <c r="AMR46" s="19"/>
      <c r="AMS46" s="19"/>
      <c r="AMT46" s="19"/>
      <c r="AMU46" s="19"/>
      <c r="AMV46" s="19"/>
      <c r="AMW46" s="19"/>
      <c r="AMX46" s="19"/>
      <c r="AMY46" s="19"/>
      <c r="AMZ46" s="19"/>
      <c r="ANA46" s="19"/>
      <c r="ANB46" s="19"/>
      <c r="ANC46" s="19"/>
      <c r="AND46" s="19"/>
      <c r="ANE46" s="19"/>
      <c r="ANF46" s="19"/>
      <c r="ANG46" s="19"/>
      <c r="ANH46" s="19"/>
      <c r="ANI46" s="19"/>
      <c r="ANJ46" s="19"/>
      <c r="ANK46" s="19"/>
      <c r="ANL46" s="19"/>
      <c r="ANM46" s="19"/>
      <c r="ANN46" s="19"/>
      <c r="ANO46" s="19"/>
      <c r="ANP46" s="19"/>
      <c r="ANQ46" s="19"/>
      <c r="ANR46" s="19"/>
      <c r="ANS46" s="19"/>
      <c r="ANT46" s="19"/>
      <c r="ANU46" s="19"/>
      <c r="ANV46" s="19"/>
      <c r="ANW46" s="19"/>
      <c r="ANX46" s="19"/>
      <c r="ANY46" s="19"/>
      <c r="ANZ46" s="19"/>
      <c r="AOA46" s="19"/>
      <c r="AOB46" s="19"/>
      <c r="AOC46" s="19"/>
      <c r="AOD46" s="19"/>
      <c r="AOE46" s="19"/>
      <c r="AOF46" s="19"/>
      <c r="AOG46" s="19"/>
      <c r="AOH46" s="19"/>
      <c r="AOI46" s="19"/>
      <c r="AOJ46" s="19"/>
      <c r="AOK46" s="19"/>
      <c r="AOL46" s="19"/>
      <c r="AOM46" s="19"/>
      <c r="AON46" s="19"/>
      <c r="AOO46" s="19"/>
      <c r="AOP46" s="19"/>
      <c r="AOQ46" s="19"/>
      <c r="AOR46" s="19"/>
      <c r="AOS46" s="19"/>
      <c r="AOT46" s="19"/>
      <c r="AOU46" s="19"/>
      <c r="AOV46" s="19"/>
      <c r="AOW46" s="19"/>
      <c r="AOX46" s="19"/>
      <c r="AOY46" s="19"/>
      <c r="AOZ46" s="19"/>
      <c r="APA46" s="19"/>
      <c r="APB46" s="19"/>
      <c r="APC46" s="19"/>
      <c r="APD46" s="19"/>
      <c r="APE46" s="19"/>
      <c r="APF46" s="19"/>
      <c r="APG46" s="19"/>
      <c r="APH46" s="19"/>
      <c r="API46" s="19"/>
      <c r="APJ46" s="19"/>
      <c r="APK46" s="19"/>
      <c r="APL46" s="19"/>
      <c r="APM46" s="19"/>
      <c r="APN46" s="19"/>
      <c r="APO46" s="19"/>
      <c r="APP46" s="19"/>
      <c r="APQ46" s="19"/>
      <c r="APR46" s="19"/>
      <c r="APS46" s="19"/>
      <c r="APT46" s="19"/>
      <c r="APU46" s="19"/>
      <c r="APV46" s="19"/>
      <c r="APW46" s="19"/>
      <c r="APX46" s="19"/>
      <c r="APY46" s="19"/>
      <c r="APZ46" s="19"/>
      <c r="AQA46" s="19"/>
      <c r="AQB46" s="19"/>
      <c r="AQC46" s="19"/>
      <c r="AQD46" s="19"/>
      <c r="AQE46" s="19"/>
      <c r="AQF46" s="19"/>
      <c r="AQG46" s="19"/>
      <c r="AQH46" s="19"/>
      <c r="AQI46" s="19"/>
      <c r="AQJ46" s="19"/>
      <c r="AQK46" s="19"/>
      <c r="AQL46" s="19"/>
      <c r="AQM46" s="19"/>
      <c r="AQN46" s="19"/>
      <c r="AQO46" s="19"/>
      <c r="AQP46" s="19"/>
      <c r="AQQ46" s="19"/>
      <c r="AQR46" s="19"/>
      <c r="AQS46" s="19"/>
      <c r="AQT46" s="19"/>
      <c r="AQU46" s="19"/>
      <c r="AQV46" s="19"/>
      <c r="AQW46" s="19"/>
      <c r="AQX46" s="19"/>
      <c r="AQY46" s="19"/>
      <c r="AQZ46" s="19"/>
      <c r="ARA46" s="19"/>
      <c r="ARB46" s="19"/>
      <c r="ARC46" s="19"/>
      <c r="ARD46" s="19"/>
      <c r="ARE46" s="19"/>
      <c r="ARF46" s="19"/>
      <c r="ARG46" s="19"/>
      <c r="ARH46" s="19"/>
      <c r="ARI46" s="19"/>
      <c r="ARJ46" s="19"/>
      <c r="ARK46" s="19"/>
      <c r="ARL46" s="19"/>
      <c r="ARM46" s="19"/>
      <c r="ARN46" s="19"/>
      <c r="ARO46" s="19"/>
      <c r="ARP46" s="19"/>
      <c r="ARQ46" s="19"/>
      <c r="ARR46" s="19"/>
      <c r="ARS46" s="19"/>
      <c r="ART46" s="19"/>
      <c r="ARU46" s="19"/>
      <c r="ARV46" s="19"/>
      <c r="ARW46" s="19"/>
      <c r="ARX46" s="19"/>
      <c r="ARY46" s="19"/>
      <c r="ARZ46" s="19"/>
      <c r="ASA46" s="19"/>
      <c r="ASB46" s="19"/>
      <c r="ASC46" s="19"/>
      <c r="ASD46" s="19"/>
      <c r="ASE46" s="19"/>
      <c r="ASF46" s="19"/>
      <c r="ASG46" s="19"/>
      <c r="ASH46" s="19"/>
      <c r="ASI46" s="19"/>
      <c r="ASJ46" s="19"/>
      <c r="ASK46" s="19"/>
      <c r="ASL46" s="19"/>
      <c r="ASM46" s="19"/>
      <c r="ASN46" s="19"/>
      <c r="ASO46" s="19"/>
      <c r="ASP46" s="19"/>
      <c r="ASQ46" s="19"/>
      <c r="ASR46" s="19"/>
      <c r="ASS46" s="19"/>
      <c r="AST46" s="19"/>
      <c r="ASU46" s="19"/>
      <c r="ASV46" s="19"/>
      <c r="ASW46" s="19"/>
      <c r="ASX46" s="19"/>
      <c r="ASY46" s="19"/>
      <c r="ASZ46" s="19"/>
      <c r="ATA46" s="19"/>
      <c r="ATB46" s="19"/>
      <c r="ATC46" s="19"/>
      <c r="ATD46" s="19"/>
      <c r="ATE46" s="19"/>
      <c r="ATF46" s="19"/>
      <c r="ATG46" s="19"/>
      <c r="ATH46" s="19"/>
      <c r="ATI46" s="19"/>
      <c r="ATJ46" s="19"/>
      <c r="ATK46" s="19"/>
      <c r="ATL46" s="19"/>
      <c r="ATM46" s="19"/>
      <c r="ATN46" s="19"/>
      <c r="ATO46" s="19"/>
      <c r="ATP46" s="19"/>
      <c r="ATQ46" s="19"/>
      <c r="ATR46" s="19"/>
      <c r="ATS46" s="19"/>
      <c r="ATT46" s="19"/>
      <c r="ATU46" s="19"/>
      <c r="ATV46" s="19"/>
      <c r="ATW46" s="19"/>
      <c r="ATX46" s="19"/>
      <c r="ATY46" s="19"/>
      <c r="ATZ46" s="19"/>
      <c r="AUA46" s="19"/>
      <c r="AUB46" s="19"/>
      <c r="AUC46" s="19"/>
      <c r="AUD46" s="19"/>
      <c r="AUE46" s="19"/>
      <c r="AUF46" s="19"/>
      <c r="AUG46" s="19"/>
      <c r="AUH46" s="19"/>
      <c r="AUI46" s="19"/>
      <c r="AUJ46" s="19"/>
      <c r="AUK46" s="19"/>
      <c r="AUL46" s="19"/>
      <c r="AUM46" s="19"/>
      <c r="AUN46" s="19"/>
      <c r="AUO46" s="19"/>
      <c r="AUP46" s="19"/>
      <c r="AUQ46" s="19"/>
      <c r="AUR46" s="19"/>
      <c r="AUS46" s="19"/>
      <c r="AUT46" s="19"/>
      <c r="AUU46" s="19"/>
      <c r="AUV46" s="19"/>
      <c r="AUW46" s="19"/>
      <c r="AUX46" s="19"/>
      <c r="AUY46" s="19"/>
      <c r="AUZ46" s="19"/>
      <c r="AVA46" s="19"/>
      <c r="AVB46" s="19"/>
      <c r="AVC46" s="19"/>
      <c r="AVD46" s="19"/>
      <c r="AVE46" s="19"/>
      <c r="AVF46" s="19"/>
      <c r="AVG46" s="19"/>
      <c r="AVH46" s="19"/>
      <c r="AVI46" s="19"/>
      <c r="AVJ46" s="19"/>
      <c r="AVK46" s="19"/>
      <c r="AVL46" s="19"/>
      <c r="AVM46" s="19"/>
      <c r="AVN46" s="19"/>
      <c r="AVO46" s="19"/>
      <c r="AVP46" s="19"/>
      <c r="AVQ46" s="19"/>
      <c r="AVR46" s="19"/>
      <c r="AVS46" s="19"/>
      <c r="AVT46" s="19"/>
      <c r="AVU46" s="19"/>
      <c r="AVV46" s="19"/>
      <c r="AVW46" s="19"/>
      <c r="AVX46" s="19"/>
      <c r="AVY46" s="19"/>
      <c r="AVZ46" s="19"/>
      <c r="AWA46" s="19"/>
      <c r="AWB46" s="19"/>
      <c r="AWC46" s="19"/>
      <c r="AWD46" s="19"/>
      <c r="AWE46" s="19"/>
      <c r="AWF46" s="19"/>
      <c r="AWG46" s="19"/>
      <c r="AWH46" s="19"/>
      <c r="AWI46" s="19"/>
      <c r="AWJ46" s="19"/>
      <c r="AWK46" s="19"/>
      <c r="AWL46" s="19"/>
      <c r="AWM46" s="19"/>
      <c r="AWN46" s="19"/>
      <c r="AWO46" s="19"/>
      <c r="AWP46" s="19"/>
      <c r="AWQ46" s="19"/>
      <c r="AWR46" s="19"/>
      <c r="AWS46" s="19"/>
      <c r="AWT46" s="19"/>
      <c r="AWU46" s="19"/>
      <c r="AWV46" s="19"/>
      <c r="AWW46" s="19"/>
      <c r="AWX46" s="19"/>
      <c r="AWY46" s="19"/>
      <c r="AWZ46" s="19"/>
      <c r="AXA46" s="19"/>
      <c r="AXB46" s="19"/>
      <c r="AXC46" s="19"/>
      <c r="AXD46" s="19"/>
      <c r="AXE46" s="19"/>
      <c r="AXF46" s="19"/>
      <c r="AXG46" s="19"/>
      <c r="AXH46" s="19"/>
      <c r="AXI46" s="19"/>
      <c r="AXJ46" s="19"/>
      <c r="AXK46" s="19"/>
      <c r="AXL46" s="19"/>
      <c r="AXM46" s="19"/>
      <c r="AXN46" s="19"/>
      <c r="AXO46" s="19"/>
      <c r="AXP46" s="19"/>
      <c r="AXQ46" s="19"/>
      <c r="AXR46" s="19"/>
      <c r="AXS46" s="19"/>
      <c r="AXT46" s="19"/>
      <c r="AXU46" s="19"/>
      <c r="AXV46" s="19"/>
      <c r="AXW46" s="19"/>
      <c r="AXX46" s="19"/>
      <c r="AXY46" s="19"/>
      <c r="AXZ46" s="19"/>
      <c r="AYA46" s="19"/>
      <c r="AYB46" s="19"/>
      <c r="AYC46" s="19"/>
      <c r="AYD46" s="19"/>
      <c r="AYE46" s="19"/>
      <c r="AYF46" s="19"/>
      <c r="AYG46" s="19"/>
      <c r="AYH46" s="19"/>
      <c r="AYI46" s="19"/>
      <c r="AYJ46" s="19"/>
      <c r="AYK46" s="19"/>
      <c r="AYL46" s="19"/>
      <c r="AYM46" s="19"/>
      <c r="AYN46" s="19"/>
      <c r="AYO46" s="19"/>
      <c r="AYP46" s="19"/>
      <c r="AYQ46" s="19"/>
      <c r="AYR46" s="19"/>
      <c r="AYS46" s="19"/>
      <c r="AYT46" s="19"/>
      <c r="AYU46" s="19"/>
      <c r="AYV46" s="19"/>
      <c r="AYW46" s="19"/>
      <c r="AYX46" s="19"/>
      <c r="AYY46" s="19"/>
      <c r="AYZ46" s="19"/>
      <c r="AZA46" s="19"/>
      <c r="AZB46" s="19"/>
      <c r="AZC46" s="19"/>
      <c r="AZD46" s="19"/>
      <c r="AZE46" s="19"/>
      <c r="AZF46" s="19"/>
      <c r="AZG46" s="19"/>
      <c r="AZH46" s="19"/>
      <c r="AZI46" s="19"/>
      <c r="AZJ46" s="19"/>
      <c r="AZK46" s="19"/>
      <c r="AZL46" s="19"/>
      <c r="AZM46" s="19"/>
      <c r="AZN46" s="19"/>
      <c r="AZO46" s="19"/>
      <c r="AZP46" s="19"/>
      <c r="AZQ46" s="19"/>
      <c r="AZR46" s="19"/>
      <c r="AZS46" s="19"/>
      <c r="AZT46" s="19"/>
      <c r="AZU46" s="19"/>
      <c r="AZV46" s="19"/>
      <c r="AZW46" s="19"/>
      <c r="AZX46" s="19"/>
      <c r="AZY46" s="19"/>
      <c r="AZZ46" s="19"/>
      <c r="BAA46" s="19"/>
      <c r="BAB46" s="19"/>
      <c r="BAC46" s="19"/>
      <c r="BAD46" s="19"/>
      <c r="BAE46" s="19"/>
      <c r="BAF46" s="19"/>
      <c r="BAG46" s="19"/>
      <c r="BAH46" s="19"/>
      <c r="BAI46" s="19"/>
      <c r="BAJ46" s="19"/>
      <c r="BAK46" s="19"/>
      <c r="BAL46" s="19"/>
      <c r="BAM46" s="19"/>
      <c r="BAN46" s="19"/>
      <c r="BAO46" s="19"/>
      <c r="BAP46" s="19"/>
      <c r="BAQ46" s="19"/>
      <c r="BAR46" s="19"/>
      <c r="BAS46" s="19"/>
      <c r="BAT46" s="19"/>
      <c r="BAU46" s="19"/>
      <c r="BAV46" s="19"/>
      <c r="BAW46" s="19"/>
      <c r="BAX46" s="19"/>
      <c r="BAY46" s="19"/>
      <c r="BAZ46" s="19"/>
      <c r="BBA46" s="19"/>
      <c r="BBB46" s="19"/>
      <c r="BBC46" s="19"/>
      <c r="BBD46" s="19"/>
      <c r="BBE46" s="19"/>
      <c r="BBF46" s="19"/>
      <c r="BBG46" s="19"/>
      <c r="BBH46" s="19"/>
      <c r="BBI46" s="19"/>
      <c r="BBJ46" s="19"/>
      <c r="BBK46" s="19"/>
      <c r="BBL46" s="19"/>
      <c r="BBM46" s="19"/>
      <c r="BBN46" s="19"/>
    </row>
    <row r="47" spans="1:1418" s="20" customFormat="1" ht="33.75" customHeight="1" x14ac:dyDescent="0.2">
      <c r="A47" s="60" t="s">
        <v>31</v>
      </c>
      <c r="B47" s="61"/>
      <c r="C47" s="141" t="s">
        <v>58</v>
      </c>
      <c r="D47" s="142"/>
      <c r="E47" s="61"/>
      <c r="F47" s="61"/>
      <c r="G47" s="61"/>
      <c r="H47" s="61"/>
      <c r="I47" s="61"/>
      <c r="J47" s="62"/>
      <c r="K47" s="19"/>
      <c r="L47" s="19"/>
      <c r="M47" s="19"/>
      <c r="N47" s="19"/>
      <c r="O47" s="19"/>
      <c r="P47" s="19"/>
      <c r="Q47" s="19"/>
      <c r="R47" s="19"/>
      <c r="S47" s="19"/>
      <c r="T47" s="19"/>
      <c r="U47" s="19"/>
      <c r="V47" s="19"/>
      <c r="W47" s="19"/>
      <c r="X47" s="19"/>
      <c r="Y47" s="19"/>
      <c r="Z47" s="19"/>
      <c r="AA47" s="19"/>
      <c r="AB47" s="19"/>
      <c r="AC47" s="19"/>
      <c r="AD47" s="19"/>
      <c r="AE47" s="19"/>
      <c r="AF47" s="19"/>
      <c r="AG47" s="19"/>
      <c r="AH47" s="19"/>
      <c r="AI47" s="19"/>
      <c r="AJ47" s="19"/>
      <c r="AK47" s="19"/>
      <c r="AL47" s="19"/>
      <c r="AM47" s="19"/>
      <c r="AN47" s="19"/>
      <c r="AO47" s="19"/>
      <c r="AP47" s="19"/>
      <c r="AQ47" s="19"/>
      <c r="AR47" s="19"/>
      <c r="AS47" s="19"/>
      <c r="AT47" s="19"/>
      <c r="AU47" s="19"/>
      <c r="AV47" s="19"/>
      <c r="AW47" s="19"/>
      <c r="AX47" s="19"/>
      <c r="AY47" s="19"/>
      <c r="AZ47" s="19"/>
      <c r="BA47" s="19"/>
      <c r="BB47" s="19"/>
      <c r="BC47" s="19"/>
      <c r="BD47" s="19"/>
      <c r="BE47" s="19"/>
      <c r="BF47" s="19"/>
      <c r="BG47" s="19"/>
      <c r="BH47" s="19"/>
      <c r="BI47" s="19"/>
      <c r="BJ47" s="19"/>
      <c r="BK47" s="19"/>
      <c r="BL47" s="19"/>
      <c r="BM47" s="19"/>
      <c r="BN47" s="19"/>
      <c r="BO47" s="19"/>
      <c r="BP47" s="19"/>
      <c r="BQ47" s="19"/>
      <c r="BR47" s="19"/>
      <c r="BS47" s="19"/>
      <c r="BT47" s="19"/>
      <c r="BU47" s="19"/>
      <c r="BV47" s="19"/>
      <c r="BW47" s="19"/>
      <c r="BX47" s="19"/>
      <c r="BY47" s="19"/>
      <c r="BZ47" s="19"/>
      <c r="CA47" s="19"/>
      <c r="CB47" s="19"/>
      <c r="CC47" s="19"/>
      <c r="CD47" s="19"/>
      <c r="CE47" s="19"/>
      <c r="CF47" s="19"/>
      <c r="CG47" s="19"/>
      <c r="CH47" s="19"/>
      <c r="CI47" s="19"/>
      <c r="CJ47" s="19"/>
      <c r="CK47" s="19"/>
      <c r="CL47" s="19"/>
      <c r="CM47" s="19"/>
      <c r="CN47" s="19"/>
      <c r="CO47" s="19"/>
      <c r="CP47" s="19"/>
      <c r="CQ47" s="19"/>
      <c r="CR47" s="19"/>
      <c r="CS47" s="19"/>
      <c r="CT47" s="19"/>
      <c r="CU47" s="19"/>
      <c r="CV47" s="19"/>
      <c r="CW47" s="19"/>
      <c r="CX47" s="19"/>
      <c r="CY47" s="19"/>
      <c r="CZ47" s="19"/>
      <c r="DA47" s="19"/>
      <c r="DB47" s="19"/>
      <c r="DC47" s="19"/>
      <c r="DD47" s="19"/>
      <c r="DE47" s="19"/>
      <c r="DF47" s="19"/>
      <c r="DG47" s="19"/>
      <c r="DH47" s="19"/>
      <c r="DI47" s="19"/>
      <c r="DJ47" s="19"/>
      <c r="DK47" s="19"/>
      <c r="DL47" s="19"/>
      <c r="DM47" s="19"/>
      <c r="DN47" s="19"/>
      <c r="DO47" s="19"/>
      <c r="DP47" s="19"/>
      <c r="DQ47" s="19"/>
      <c r="DR47" s="19"/>
      <c r="DS47" s="19"/>
      <c r="DT47" s="19"/>
      <c r="DU47" s="19"/>
      <c r="DV47" s="19"/>
      <c r="DW47" s="19"/>
      <c r="DX47" s="19"/>
      <c r="DY47" s="19"/>
      <c r="DZ47" s="19"/>
      <c r="EA47" s="19"/>
      <c r="EB47" s="19"/>
      <c r="EC47" s="19"/>
      <c r="ED47" s="19"/>
      <c r="EE47" s="19"/>
      <c r="EF47" s="19"/>
      <c r="EG47" s="19"/>
      <c r="EH47" s="19"/>
      <c r="EI47" s="19"/>
      <c r="EJ47" s="19"/>
      <c r="EK47" s="19"/>
      <c r="EL47" s="19"/>
      <c r="EM47" s="19"/>
      <c r="EN47" s="19"/>
      <c r="EO47" s="19"/>
      <c r="EP47" s="19"/>
      <c r="EQ47" s="19"/>
      <c r="ER47" s="19"/>
      <c r="ES47" s="19"/>
      <c r="ET47" s="19"/>
      <c r="EU47" s="19"/>
      <c r="EV47" s="19"/>
      <c r="EW47" s="19"/>
      <c r="EX47" s="19"/>
      <c r="EY47" s="19"/>
      <c r="EZ47" s="19"/>
      <c r="FA47" s="19"/>
      <c r="FB47" s="19"/>
      <c r="FC47" s="19"/>
      <c r="FD47" s="19"/>
      <c r="FE47" s="19"/>
      <c r="FF47" s="19"/>
      <c r="FG47" s="19"/>
      <c r="FH47" s="19"/>
      <c r="FI47" s="19"/>
      <c r="FJ47" s="19"/>
      <c r="FK47" s="19"/>
      <c r="FL47" s="19"/>
      <c r="FM47" s="19"/>
      <c r="FN47" s="19"/>
      <c r="FO47" s="19"/>
      <c r="FP47" s="19"/>
      <c r="FQ47" s="19"/>
      <c r="FR47" s="19"/>
      <c r="FS47" s="19"/>
      <c r="FT47" s="19"/>
      <c r="FU47" s="19"/>
      <c r="FV47" s="19"/>
      <c r="FW47" s="19"/>
      <c r="FX47" s="19"/>
      <c r="FY47" s="19"/>
      <c r="FZ47" s="19"/>
      <c r="GA47" s="19"/>
      <c r="GB47" s="19"/>
      <c r="GC47" s="19"/>
      <c r="GD47" s="19"/>
      <c r="GE47" s="19"/>
      <c r="GF47" s="19"/>
      <c r="GG47" s="19"/>
      <c r="GH47" s="19"/>
      <c r="GI47" s="19"/>
      <c r="GJ47" s="19"/>
      <c r="GK47" s="19"/>
      <c r="GL47" s="19"/>
      <c r="GM47" s="19"/>
      <c r="GN47" s="19"/>
      <c r="GO47" s="19"/>
      <c r="GP47" s="19"/>
      <c r="GQ47" s="19"/>
      <c r="GR47" s="19"/>
      <c r="GS47" s="19"/>
      <c r="GT47" s="19"/>
      <c r="GU47" s="19"/>
      <c r="GV47" s="19"/>
      <c r="GW47" s="19"/>
      <c r="GX47" s="19"/>
      <c r="GY47" s="19"/>
      <c r="GZ47" s="19"/>
      <c r="HA47" s="19"/>
      <c r="HB47" s="19"/>
      <c r="HC47" s="19"/>
      <c r="HD47" s="19"/>
      <c r="HE47" s="19"/>
      <c r="HF47" s="19"/>
      <c r="HG47" s="19"/>
      <c r="HH47" s="19"/>
      <c r="HI47" s="19"/>
      <c r="HJ47" s="19"/>
      <c r="HK47" s="19"/>
      <c r="HL47" s="19"/>
      <c r="HM47" s="19"/>
      <c r="HN47" s="19"/>
      <c r="HO47" s="19"/>
      <c r="HP47" s="19"/>
      <c r="HQ47" s="19"/>
      <c r="HR47" s="19"/>
      <c r="HS47" s="19"/>
      <c r="HT47" s="19"/>
      <c r="HU47" s="19"/>
      <c r="HV47" s="19"/>
      <c r="HW47" s="19"/>
      <c r="HX47" s="19"/>
      <c r="HY47" s="19"/>
      <c r="HZ47" s="19"/>
      <c r="IA47" s="19"/>
      <c r="IB47" s="19"/>
      <c r="IC47" s="19"/>
      <c r="ID47" s="19"/>
      <c r="IE47" s="19"/>
      <c r="IF47" s="19"/>
      <c r="IG47" s="19"/>
      <c r="IH47" s="19"/>
      <c r="II47" s="19"/>
      <c r="IJ47" s="19"/>
      <c r="IK47" s="19"/>
      <c r="IL47" s="19"/>
      <c r="IM47" s="19"/>
      <c r="IN47" s="19"/>
      <c r="IO47" s="19"/>
      <c r="IP47" s="19"/>
      <c r="IQ47" s="19"/>
      <c r="IR47" s="19"/>
      <c r="IS47" s="19"/>
      <c r="IT47" s="19"/>
      <c r="IU47" s="19"/>
      <c r="IV47" s="19"/>
      <c r="IW47" s="19"/>
      <c r="IX47" s="19"/>
      <c r="IY47" s="19"/>
      <c r="IZ47" s="19"/>
      <c r="JA47" s="19"/>
      <c r="JB47" s="19"/>
      <c r="JC47" s="19"/>
      <c r="JD47" s="19"/>
      <c r="JE47" s="19"/>
      <c r="JF47" s="19"/>
      <c r="JG47" s="19"/>
      <c r="JH47" s="19"/>
      <c r="JI47" s="19"/>
      <c r="JJ47" s="19"/>
      <c r="JK47" s="19"/>
      <c r="JL47" s="19"/>
      <c r="JM47" s="19"/>
      <c r="JN47" s="19"/>
      <c r="JO47" s="19"/>
      <c r="JP47" s="19"/>
      <c r="JQ47" s="19"/>
      <c r="JR47" s="19"/>
      <c r="JS47" s="19"/>
      <c r="JT47" s="19"/>
      <c r="JU47" s="19"/>
      <c r="JV47" s="19"/>
      <c r="JW47" s="19"/>
      <c r="JX47" s="19"/>
      <c r="JY47" s="19"/>
      <c r="JZ47" s="19"/>
      <c r="KA47" s="19"/>
      <c r="KB47" s="19"/>
      <c r="KC47" s="19"/>
      <c r="KD47" s="19"/>
      <c r="KE47" s="19"/>
      <c r="KF47" s="19"/>
      <c r="KG47" s="19"/>
      <c r="KH47" s="19"/>
      <c r="KI47" s="19"/>
      <c r="KJ47" s="19"/>
      <c r="KK47" s="19"/>
      <c r="KL47" s="19"/>
      <c r="KM47" s="19"/>
      <c r="KN47" s="19"/>
      <c r="KO47" s="19"/>
      <c r="KP47" s="19"/>
      <c r="KQ47" s="19"/>
      <c r="KR47" s="19"/>
      <c r="KS47" s="19"/>
      <c r="KT47" s="19"/>
      <c r="KU47" s="19"/>
      <c r="KV47" s="19"/>
      <c r="KW47" s="19"/>
      <c r="KX47" s="19"/>
      <c r="KY47" s="19"/>
      <c r="KZ47" s="19"/>
      <c r="LA47" s="19"/>
      <c r="LB47" s="19"/>
      <c r="LC47" s="19"/>
      <c r="LD47" s="19"/>
      <c r="LE47" s="19"/>
      <c r="LF47" s="19"/>
      <c r="LG47" s="19"/>
      <c r="LH47" s="19"/>
      <c r="LI47" s="19"/>
      <c r="LJ47" s="19"/>
      <c r="LK47" s="19"/>
      <c r="LL47" s="19"/>
      <c r="LM47" s="19"/>
      <c r="LN47" s="19"/>
      <c r="LO47" s="19"/>
      <c r="LP47" s="19"/>
      <c r="LQ47" s="19"/>
      <c r="LR47" s="19"/>
      <c r="LS47" s="19"/>
      <c r="LT47" s="19"/>
      <c r="LU47" s="19"/>
      <c r="LV47" s="19"/>
      <c r="LW47" s="19"/>
      <c r="LX47" s="19"/>
      <c r="LY47" s="19"/>
      <c r="LZ47" s="19"/>
      <c r="MA47" s="19"/>
      <c r="MB47" s="19"/>
      <c r="MC47" s="19"/>
      <c r="MD47" s="19"/>
      <c r="ME47" s="19"/>
      <c r="MF47" s="19"/>
      <c r="MG47" s="19"/>
      <c r="MH47" s="19"/>
      <c r="MI47" s="19"/>
      <c r="MJ47" s="19"/>
      <c r="MK47" s="19"/>
      <c r="ML47" s="19"/>
      <c r="MM47" s="19"/>
      <c r="MN47" s="19"/>
      <c r="MO47" s="19"/>
      <c r="MP47" s="19"/>
      <c r="MQ47" s="19"/>
      <c r="MR47" s="19"/>
      <c r="MS47" s="19"/>
      <c r="MT47" s="19"/>
      <c r="MU47" s="19"/>
      <c r="MV47" s="19"/>
      <c r="MW47" s="19"/>
      <c r="MX47" s="19"/>
      <c r="MY47" s="19"/>
      <c r="MZ47" s="19"/>
      <c r="NA47" s="19"/>
      <c r="NB47" s="19"/>
      <c r="NC47" s="19"/>
      <c r="ND47" s="19"/>
      <c r="NE47" s="19"/>
      <c r="NF47" s="19"/>
      <c r="NG47" s="19"/>
      <c r="NH47" s="19"/>
      <c r="NI47" s="19"/>
      <c r="NJ47" s="19"/>
      <c r="NK47" s="19"/>
      <c r="NL47" s="19"/>
      <c r="NM47" s="19"/>
      <c r="NN47" s="19"/>
      <c r="NO47" s="19"/>
      <c r="NP47" s="19"/>
      <c r="NQ47" s="19"/>
      <c r="NR47" s="19"/>
      <c r="NS47" s="19"/>
      <c r="NT47" s="19"/>
      <c r="NU47" s="19"/>
      <c r="NV47" s="19"/>
      <c r="NW47" s="19"/>
      <c r="NX47" s="19"/>
      <c r="NY47" s="19"/>
      <c r="NZ47" s="19"/>
      <c r="OA47" s="19"/>
      <c r="OB47" s="19"/>
      <c r="OC47" s="19"/>
      <c r="OD47" s="19"/>
      <c r="OE47" s="19"/>
      <c r="OF47" s="19"/>
      <c r="OG47" s="19"/>
      <c r="OH47" s="19"/>
      <c r="OI47" s="19"/>
      <c r="OJ47" s="19"/>
      <c r="OK47" s="19"/>
      <c r="OL47" s="19"/>
      <c r="OM47" s="19"/>
      <c r="ON47" s="19"/>
      <c r="OO47" s="19"/>
      <c r="OP47" s="19"/>
      <c r="OQ47" s="19"/>
      <c r="OR47" s="19"/>
      <c r="OS47" s="19"/>
      <c r="OT47" s="19"/>
      <c r="OU47" s="19"/>
      <c r="OV47" s="19"/>
      <c r="OW47" s="19"/>
      <c r="OX47" s="19"/>
      <c r="OY47" s="19"/>
      <c r="OZ47" s="19"/>
      <c r="PA47" s="19"/>
      <c r="PB47" s="19"/>
      <c r="PC47" s="19"/>
      <c r="PD47" s="19"/>
      <c r="PE47" s="19"/>
      <c r="PF47" s="19"/>
      <c r="PG47" s="19"/>
      <c r="PH47" s="19"/>
      <c r="PI47" s="19"/>
      <c r="PJ47" s="19"/>
      <c r="PK47" s="19"/>
      <c r="PL47" s="19"/>
      <c r="PM47" s="19"/>
      <c r="PN47" s="19"/>
      <c r="PO47" s="19"/>
      <c r="PP47" s="19"/>
      <c r="PQ47" s="19"/>
      <c r="PR47" s="19"/>
      <c r="PS47" s="19"/>
      <c r="PT47" s="19"/>
      <c r="PU47" s="19"/>
      <c r="PV47" s="19"/>
      <c r="PW47" s="19"/>
      <c r="PX47" s="19"/>
      <c r="PY47" s="19"/>
      <c r="PZ47" s="19"/>
      <c r="QA47" s="19"/>
      <c r="QB47" s="19"/>
      <c r="QC47" s="19"/>
      <c r="QD47" s="19"/>
      <c r="QE47" s="19"/>
      <c r="QF47" s="19"/>
      <c r="QG47" s="19"/>
      <c r="QH47" s="19"/>
      <c r="QI47" s="19"/>
      <c r="QJ47" s="19"/>
      <c r="QK47" s="19"/>
      <c r="QL47" s="19"/>
      <c r="QM47" s="19"/>
      <c r="QN47" s="19"/>
      <c r="QO47" s="19"/>
      <c r="QP47" s="19"/>
      <c r="QQ47" s="19"/>
      <c r="QR47" s="19"/>
      <c r="QS47" s="19"/>
      <c r="QT47" s="19"/>
      <c r="QU47" s="19"/>
      <c r="QV47" s="19"/>
      <c r="QW47" s="19"/>
      <c r="QX47" s="19"/>
      <c r="QY47" s="19"/>
      <c r="QZ47" s="19"/>
      <c r="RA47" s="19"/>
      <c r="RB47" s="19"/>
      <c r="RC47" s="19"/>
      <c r="RD47" s="19"/>
      <c r="RE47" s="19"/>
      <c r="RF47" s="19"/>
      <c r="RG47" s="19"/>
      <c r="RH47" s="19"/>
      <c r="RI47" s="19"/>
      <c r="RJ47" s="19"/>
      <c r="RK47" s="19"/>
      <c r="RL47" s="19"/>
      <c r="RM47" s="19"/>
      <c r="RN47" s="19"/>
      <c r="RO47" s="19"/>
      <c r="RP47" s="19"/>
      <c r="RQ47" s="19"/>
      <c r="RR47" s="19"/>
      <c r="RS47" s="19"/>
      <c r="RT47" s="19"/>
      <c r="RU47" s="19"/>
      <c r="RV47" s="19"/>
      <c r="RW47" s="19"/>
      <c r="RX47" s="19"/>
      <c r="RY47" s="19"/>
      <c r="RZ47" s="19"/>
      <c r="SA47" s="19"/>
      <c r="SB47" s="19"/>
      <c r="SC47" s="19"/>
      <c r="SD47" s="19"/>
      <c r="SE47" s="19"/>
      <c r="SF47" s="19"/>
      <c r="SG47" s="19"/>
      <c r="SH47" s="19"/>
      <c r="SI47" s="19"/>
      <c r="SJ47" s="19"/>
      <c r="SK47" s="19"/>
      <c r="SL47" s="19"/>
      <c r="SM47" s="19"/>
      <c r="SN47" s="19"/>
      <c r="SO47" s="19"/>
      <c r="SP47" s="19"/>
      <c r="SQ47" s="19"/>
      <c r="SR47" s="19"/>
      <c r="SS47" s="19"/>
      <c r="ST47" s="19"/>
      <c r="SU47" s="19"/>
      <c r="SV47" s="19"/>
      <c r="SW47" s="19"/>
      <c r="SX47" s="19"/>
      <c r="SY47" s="19"/>
      <c r="SZ47" s="19"/>
      <c r="TA47" s="19"/>
      <c r="TB47" s="19"/>
      <c r="TC47" s="19"/>
      <c r="TD47" s="19"/>
      <c r="TE47" s="19"/>
      <c r="TF47" s="19"/>
      <c r="TG47" s="19"/>
      <c r="TH47" s="19"/>
      <c r="TI47" s="19"/>
      <c r="TJ47" s="19"/>
      <c r="TK47" s="19"/>
      <c r="TL47" s="19"/>
      <c r="TM47" s="19"/>
      <c r="TN47" s="19"/>
      <c r="TO47" s="19"/>
      <c r="TP47" s="19"/>
      <c r="TQ47" s="19"/>
      <c r="TR47" s="19"/>
      <c r="TS47" s="19"/>
      <c r="TT47" s="19"/>
      <c r="TU47" s="19"/>
      <c r="TV47" s="19"/>
      <c r="TW47" s="19"/>
      <c r="TX47" s="19"/>
      <c r="TY47" s="19"/>
      <c r="TZ47" s="19"/>
      <c r="UA47" s="19"/>
      <c r="UB47" s="19"/>
      <c r="UC47" s="19"/>
      <c r="UD47" s="19"/>
      <c r="UE47" s="19"/>
      <c r="UF47" s="19"/>
      <c r="UG47" s="19"/>
      <c r="UH47" s="19"/>
      <c r="UI47" s="19"/>
      <c r="UJ47" s="19"/>
      <c r="UK47" s="19"/>
      <c r="UL47" s="19"/>
      <c r="UM47" s="19"/>
      <c r="UN47" s="19"/>
      <c r="UO47" s="19"/>
      <c r="UP47" s="19"/>
      <c r="UQ47" s="19"/>
      <c r="UR47" s="19"/>
      <c r="US47" s="19"/>
      <c r="UT47" s="19"/>
      <c r="UU47" s="19"/>
      <c r="UV47" s="19"/>
      <c r="UW47" s="19"/>
      <c r="UX47" s="19"/>
      <c r="UY47" s="19"/>
      <c r="UZ47" s="19"/>
      <c r="VA47" s="19"/>
      <c r="VB47" s="19"/>
      <c r="VC47" s="19"/>
      <c r="VD47" s="19"/>
      <c r="VE47" s="19"/>
      <c r="VF47" s="19"/>
      <c r="VG47" s="19"/>
      <c r="VH47" s="19"/>
      <c r="VI47" s="19"/>
      <c r="VJ47" s="19"/>
      <c r="VK47" s="19"/>
      <c r="VL47" s="19"/>
      <c r="VM47" s="19"/>
      <c r="VN47" s="19"/>
      <c r="VO47" s="19"/>
      <c r="VP47" s="19"/>
      <c r="VQ47" s="19"/>
      <c r="VR47" s="19"/>
      <c r="VS47" s="19"/>
      <c r="VT47" s="19"/>
      <c r="VU47" s="19"/>
      <c r="VV47" s="19"/>
      <c r="VW47" s="19"/>
      <c r="VX47" s="19"/>
      <c r="VY47" s="19"/>
      <c r="VZ47" s="19"/>
      <c r="WA47" s="19"/>
      <c r="WB47" s="19"/>
      <c r="WC47" s="19"/>
      <c r="WD47" s="19"/>
      <c r="WE47" s="19"/>
      <c r="WF47" s="19"/>
      <c r="WG47" s="19"/>
      <c r="WH47" s="19"/>
      <c r="WI47" s="19"/>
      <c r="WJ47" s="19"/>
      <c r="WK47" s="19"/>
      <c r="WL47" s="19"/>
      <c r="WM47" s="19"/>
      <c r="WN47" s="19"/>
      <c r="WO47" s="19"/>
      <c r="WP47" s="19"/>
      <c r="WQ47" s="19"/>
      <c r="WR47" s="19"/>
      <c r="WS47" s="19"/>
      <c r="WT47" s="19"/>
      <c r="WU47" s="19"/>
      <c r="WV47" s="19"/>
      <c r="WW47" s="19"/>
      <c r="WX47" s="19"/>
      <c r="WY47" s="19"/>
      <c r="WZ47" s="19"/>
      <c r="XA47" s="19"/>
      <c r="XB47" s="19"/>
      <c r="XC47" s="19"/>
      <c r="XD47" s="19"/>
      <c r="XE47" s="19"/>
      <c r="XF47" s="19"/>
      <c r="XG47" s="19"/>
      <c r="XH47" s="19"/>
      <c r="XI47" s="19"/>
      <c r="XJ47" s="19"/>
      <c r="XK47" s="19"/>
      <c r="XL47" s="19"/>
      <c r="XM47" s="19"/>
      <c r="XN47" s="19"/>
      <c r="XO47" s="19"/>
      <c r="XP47" s="19"/>
      <c r="XQ47" s="19"/>
      <c r="XR47" s="19"/>
      <c r="XS47" s="19"/>
      <c r="XT47" s="19"/>
      <c r="XU47" s="19"/>
      <c r="XV47" s="19"/>
      <c r="XW47" s="19"/>
      <c r="XX47" s="19"/>
      <c r="XY47" s="19"/>
      <c r="XZ47" s="19"/>
      <c r="YA47" s="19"/>
      <c r="YB47" s="19"/>
      <c r="YC47" s="19"/>
      <c r="YD47" s="19"/>
      <c r="YE47" s="19"/>
      <c r="YF47" s="19"/>
      <c r="YG47" s="19"/>
      <c r="YH47" s="19"/>
      <c r="YI47" s="19"/>
      <c r="YJ47" s="19"/>
      <c r="YK47" s="19"/>
      <c r="YL47" s="19"/>
      <c r="YM47" s="19"/>
      <c r="YN47" s="19"/>
      <c r="YO47" s="19"/>
      <c r="YP47" s="19"/>
      <c r="YQ47" s="19"/>
      <c r="YR47" s="19"/>
      <c r="YS47" s="19"/>
      <c r="YT47" s="19"/>
      <c r="YU47" s="19"/>
      <c r="YV47" s="19"/>
      <c r="YW47" s="19"/>
      <c r="YX47" s="19"/>
      <c r="YY47" s="19"/>
      <c r="YZ47" s="19"/>
      <c r="ZA47" s="19"/>
      <c r="ZB47" s="19"/>
      <c r="ZC47" s="19"/>
      <c r="ZD47" s="19"/>
      <c r="ZE47" s="19"/>
      <c r="ZF47" s="19"/>
      <c r="ZG47" s="19"/>
      <c r="ZH47" s="19"/>
      <c r="ZI47" s="19"/>
      <c r="ZJ47" s="19"/>
      <c r="ZK47" s="19"/>
      <c r="ZL47" s="19"/>
      <c r="ZM47" s="19"/>
      <c r="ZN47" s="19"/>
      <c r="ZO47" s="19"/>
      <c r="ZP47" s="19"/>
      <c r="ZQ47" s="19"/>
      <c r="ZR47" s="19"/>
      <c r="ZS47" s="19"/>
      <c r="ZT47" s="19"/>
      <c r="ZU47" s="19"/>
      <c r="ZV47" s="19"/>
      <c r="ZW47" s="19"/>
      <c r="ZX47" s="19"/>
      <c r="ZY47" s="19"/>
      <c r="ZZ47" s="19"/>
      <c r="AAA47" s="19"/>
      <c r="AAB47" s="19"/>
      <c r="AAC47" s="19"/>
      <c r="AAD47" s="19"/>
      <c r="AAE47" s="19"/>
      <c r="AAF47" s="19"/>
      <c r="AAG47" s="19"/>
      <c r="AAH47" s="19"/>
      <c r="AAI47" s="19"/>
      <c r="AAJ47" s="19"/>
      <c r="AAK47" s="19"/>
      <c r="AAL47" s="19"/>
      <c r="AAM47" s="19"/>
      <c r="AAN47" s="19"/>
      <c r="AAO47" s="19"/>
      <c r="AAP47" s="19"/>
      <c r="AAQ47" s="19"/>
      <c r="AAR47" s="19"/>
      <c r="AAS47" s="19"/>
      <c r="AAT47" s="19"/>
      <c r="AAU47" s="19"/>
      <c r="AAV47" s="19"/>
      <c r="AAW47" s="19"/>
      <c r="AAX47" s="19"/>
      <c r="AAY47" s="19"/>
      <c r="AAZ47" s="19"/>
      <c r="ABA47" s="19"/>
      <c r="ABB47" s="19"/>
      <c r="ABC47" s="19"/>
      <c r="ABD47" s="19"/>
      <c r="ABE47" s="19"/>
      <c r="ABF47" s="19"/>
      <c r="ABG47" s="19"/>
      <c r="ABH47" s="19"/>
      <c r="ABI47" s="19"/>
      <c r="ABJ47" s="19"/>
      <c r="ABK47" s="19"/>
      <c r="ABL47" s="19"/>
      <c r="ABM47" s="19"/>
      <c r="ABN47" s="19"/>
      <c r="ABO47" s="19"/>
      <c r="ABP47" s="19"/>
      <c r="ABQ47" s="19"/>
      <c r="ABR47" s="19"/>
      <c r="ABS47" s="19"/>
      <c r="ABT47" s="19"/>
      <c r="ABU47" s="19"/>
      <c r="ABV47" s="19"/>
      <c r="ABW47" s="19"/>
      <c r="ABX47" s="19"/>
      <c r="ABY47" s="19"/>
      <c r="ABZ47" s="19"/>
      <c r="ACA47" s="19"/>
      <c r="ACB47" s="19"/>
      <c r="ACC47" s="19"/>
      <c r="ACD47" s="19"/>
      <c r="ACE47" s="19"/>
      <c r="ACF47" s="19"/>
      <c r="ACG47" s="19"/>
      <c r="ACH47" s="19"/>
      <c r="ACI47" s="19"/>
      <c r="ACJ47" s="19"/>
      <c r="ACK47" s="19"/>
      <c r="ACL47" s="19"/>
      <c r="ACM47" s="19"/>
      <c r="ACN47" s="19"/>
      <c r="ACO47" s="19"/>
      <c r="ACP47" s="19"/>
      <c r="ACQ47" s="19"/>
      <c r="ACR47" s="19"/>
      <c r="ACS47" s="19"/>
      <c r="ACT47" s="19"/>
      <c r="ACU47" s="19"/>
      <c r="ACV47" s="19"/>
      <c r="ACW47" s="19"/>
      <c r="ACX47" s="19"/>
      <c r="ACY47" s="19"/>
      <c r="ACZ47" s="19"/>
      <c r="ADA47" s="19"/>
      <c r="ADB47" s="19"/>
      <c r="ADC47" s="19"/>
      <c r="ADD47" s="19"/>
      <c r="ADE47" s="19"/>
      <c r="ADF47" s="19"/>
      <c r="ADG47" s="19"/>
      <c r="ADH47" s="19"/>
      <c r="ADI47" s="19"/>
      <c r="ADJ47" s="19"/>
      <c r="ADK47" s="19"/>
      <c r="ADL47" s="19"/>
      <c r="ADM47" s="19"/>
      <c r="ADN47" s="19"/>
      <c r="ADO47" s="19"/>
      <c r="ADP47" s="19"/>
      <c r="ADQ47" s="19"/>
      <c r="ADR47" s="19"/>
      <c r="ADS47" s="19"/>
      <c r="ADT47" s="19"/>
      <c r="ADU47" s="19"/>
      <c r="ADV47" s="19"/>
      <c r="ADW47" s="19"/>
      <c r="ADX47" s="19"/>
      <c r="ADY47" s="19"/>
      <c r="ADZ47" s="19"/>
      <c r="AEA47" s="19"/>
      <c r="AEB47" s="19"/>
      <c r="AEC47" s="19"/>
      <c r="AED47" s="19"/>
      <c r="AEE47" s="19"/>
      <c r="AEF47" s="19"/>
      <c r="AEG47" s="19"/>
      <c r="AEH47" s="19"/>
      <c r="AEI47" s="19"/>
      <c r="AEJ47" s="19"/>
      <c r="AEK47" s="19"/>
      <c r="AEL47" s="19"/>
      <c r="AEM47" s="19"/>
      <c r="AEN47" s="19"/>
      <c r="AEO47" s="19"/>
      <c r="AEP47" s="19"/>
      <c r="AEQ47" s="19"/>
      <c r="AER47" s="19"/>
      <c r="AES47" s="19"/>
      <c r="AET47" s="19"/>
      <c r="AEU47" s="19"/>
      <c r="AEV47" s="19"/>
      <c r="AEW47" s="19"/>
      <c r="AEX47" s="19"/>
      <c r="AEY47" s="19"/>
      <c r="AEZ47" s="19"/>
      <c r="AFA47" s="19"/>
      <c r="AFB47" s="19"/>
      <c r="AFC47" s="19"/>
      <c r="AFD47" s="19"/>
      <c r="AFE47" s="19"/>
      <c r="AFF47" s="19"/>
      <c r="AFG47" s="19"/>
      <c r="AFH47" s="19"/>
      <c r="AFI47" s="19"/>
      <c r="AFJ47" s="19"/>
      <c r="AFK47" s="19"/>
      <c r="AFL47" s="19"/>
      <c r="AFM47" s="19"/>
      <c r="AFN47" s="19"/>
      <c r="AFO47" s="19"/>
      <c r="AFP47" s="19"/>
      <c r="AFQ47" s="19"/>
      <c r="AFR47" s="19"/>
      <c r="AFS47" s="19"/>
      <c r="AFT47" s="19"/>
      <c r="AFU47" s="19"/>
      <c r="AFV47" s="19"/>
      <c r="AFW47" s="19"/>
      <c r="AFX47" s="19"/>
      <c r="AFY47" s="19"/>
      <c r="AFZ47" s="19"/>
      <c r="AGA47" s="19"/>
      <c r="AGB47" s="19"/>
      <c r="AGC47" s="19"/>
      <c r="AGD47" s="19"/>
      <c r="AGE47" s="19"/>
      <c r="AGF47" s="19"/>
      <c r="AGG47" s="19"/>
      <c r="AGH47" s="19"/>
      <c r="AGI47" s="19"/>
      <c r="AGJ47" s="19"/>
      <c r="AGK47" s="19"/>
      <c r="AGL47" s="19"/>
      <c r="AGM47" s="19"/>
      <c r="AGN47" s="19"/>
      <c r="AGO47" s="19"/>
      <c r="AGP47" s="19"/>
      <c r="AGQ47" s="19"/>
      <c r="AGR47" s="19"/>
      <c r="AGS47" s="19"/>
      <c r="AGT47" s="19"/>
      <c r="AGU47" s="19"/>
      <c r="AGV47" s="19"/>
      <c r="AGW47" s="19"/>
      <c r="AGX47" s="19"/>
      <c r="AGY47" s="19"/>
      <c r="AGZ47" s="19"/>
      <c r="AHA47" s="19"/>
      <c r="AHB47" s="19"/>
      <c r="AHC47" s="19"/>
      <c r="AHD47" s="19"/>
      <c r="AHE47" s="19"/>
      <c r="AHF47" s="19"/>
      <c r="AHG47" s="19"/>
      <c r="AHH47" s="19"/>
      <c r="AHI47" s="19"/>
      <c r="AHJ47" s="19"/>
      <c r="AHK47" s="19"/>
      <c r="AHL47" s="19"/>
      <c r="AHM47" s="19"/>
      <c r="AHN47" s="19"/>
      <c r="AHO47" s="19"/>
      <c r="AHP47" s="19"/>
      <c r="AHQ47" s="19"/>
      <c r="AHR47" s="19"/>
      <c r="AHS47" s="19"/>
      <c r="AHT47" s="19"/>
      <c r="AHU47" s="19"/>
      <c r="AHV47" s="19"/>
      <c r="AHW47" s="19"/>
      <c r="AHX47" s="19"/>
      <c r="AHY47" s="19"/>
      <c r="AHZ47" s="19"/>
      <c r="AIA47" s="19"/>
      <c r="AIB47" s="19"/>
      <c r="AIC47" s="19"/>
      <c r="AID47" s="19"/>
      <c r="AIE47" s="19"/>
      <c r="AIF47" s="19"/>
      <c r="AIG47" s="19"/>
      <c r="AIH47" s="19"/>
      <c r="AII47" s="19"/>
      <c r="AIJ47" s="19"/>
      <c r="AIK47" s="19"/>
      <c r="AIL47" s="19"/>
      <c r="AIM47" s="19"/>
      <c r="AIN47" s="19"/>
      <c r="AIO47" s="19"/>
      <c r="AIP47" s="19"/>
      <c r="AIQ47" s="19"/>
      <c r="AIR47" s="19"/>
      <c r="AIS47" s="19"/>
      <c r="AIT47" s="19"/>
      <c r="AIU47" s="19"/>
      <c r="AIV47" s="19"/>
      <c r="AIW47" s="19"/>
      <c r="AIX47" s="19"/>
      <c r="AIY47" s="19"/>
      <c r="AIZ47" s="19"/>
      <c r="AJA47" s="19"/>
      <c r="AJB47" s="19"/>
      <c r="AJC47" s="19"/>
      <c r="AJD47" s="19"/>
      <c r="AJE47" s="19"/>
      <c r="AJF47" s="19"/>
      <c r="AJG47" s="19"/>
      <c r="AJH47" s="19"/>
      <c r="AJI47" s="19"/>
      <c r="AJJ47" s="19"/>
      <c r="AJK47" s="19"/>
      <c r="AJL47" s="19"/>
      <c r="AJM47" s="19"/>
      <c r="AJN47" s="19"/>
      <c r="AJO47" s="19"/>
      <c r="AJP47" s="19"/>
      <c r="AJQ47" s="19"/>
      <c r="AJR47" s="19"/>
      <c r="AJS47" s="19"/>
      <c r="AJT47" s="19"/>
      <c r="AJU47" s="19"/>
      <c r="AJV47" s="19"/>
      <c r="AJW47" s="19"/>
      <c r="AJX47" s="19"/>
      <c r="AJY47" s="19"/>
      <c r="AJZ47" s="19"/>
      <c r="AKA47" s="19"/>
      <c r="AKB47" s="19"/>
      <c r="AKC47" s="19"/>
      <c r="AKD47" s="19"/>
      <c r="AKE47" s="19"/>
      <c r="AKF47" s="19"/>
      <c r="AKG47" s="19"/>
      <c r="AKH47" s="19"/>
      <c r="AKI47" s="19"/>
      <c r="AKJ47" s="19"/>
      <c r="AKK47" s="19"/>
      <c r="AKL47" s="19"/>
      <c r="AKM47" s="19"/>
      <c r="AKN47" s="19"/>
      <c r="AKO47" s="19"/>
      <c r="AKP47" s="19"/>
      <c r="AKQ47" s="19"/>
      <c r="AKR47" s="19"/>
      <c r="AKS47" s="19"/>
      <c r="AKT47" s="19"/>
      <c r="AKU47" s="19"/>
      <c r="AKV47" s="19"/>
      <c r="AKW47" s="19"/>
      <c r="AKX47" s="19"/>
      <c r="AKY47" s="19"/>
      <c r="AKZ47" s="19"/>
      <c r="ALA47" s="19"/>
      <c r="ALB47" s="19"/>
      <c r="ALC47" s="19"/>
      <c r="ALD47" s="19"/>
      <c r="ALE47" s="19"/>
      <c r="ALF47" s="19"/>
      <c r="ALG47" s="19"/>
      <c r="ALH47" s="19"/>
      <c r="ALI47" s="19"/>
      <c r="ALJ47" s="19"/>
      <c r="ALK47" s="19"/>
      <c r="ALL47" s="19"/>
      <c r="ALM47" s="19"/>
      <c r="ALN47" s="19"/>
      <c r="ALO47" s="19"/>
      <c r="ALP47" s="19"/>
      <c r="ALQ47" s="19"/>
      <c r="ALR47" s="19"/>
      <c r="ALS47" s="19"/>
      <c r="ALT47" s="19"/>
      <c r="ALU47" s="19"/>
      <c r="ALV47" s="19"/>
      <c r="ALW47" s="19"/>
      <c r="ALX47" s="19"/>
      <c r="ALY47" s="19"/>
      <c r="ALZ47" s="19"/>
      <c r="AMA47" s="19"/>
      <c r="AMB47" s="19"/>
      <c r="AMC47" s="19"/>
      <c r="AMD47" s="19"/>
      <c r="AME47" s="19"/>
      <c r="AMF47" s="19"/>
      <c r="AMG47" s="19"/>
      <c r="AMH47" s="19"/>
      <c r="AMI47" s="19"/>
      <c r="AMJ47" s="19"/>
      <c r="AMK47" s="19"/>
      <c r="AML47" s="19"/>
      <c r="AMM47" s="19"/>
      <c r="AMN47" s="19"/>
      <c r="AMO47" s="19"/>
      <c r="AMP47" s="19"/>
      <c r="AMQ47" s="19"/>
      <c r="AMR47" s="19"/>
      <c r="AMS47" s="19"/>
      <c r="AMT47" s="19"/>
      <c r="AMU47" s="19"/>
      <c r="AMV47" s="19"/>
      <c r="AMW47" s="19"/>
      <c r="AMX47" s="19"/>
      <c r="AMY47" s="19"/>
      <c r="AMZ47" s="19"/>
      <c r="ANA47" s="19"/>
      <c r="ANB47" s="19"/>
      <c r="ANC47" s="19"/>
      <c r="AND47" s="19"/>
      <c r="ANE47" s="19"/>
      <c r="ANF47" s="19"/>
      <c r="ANG47" s="19"/>
      <c r="ANH47" s="19"/>
      <c r="ANI47" s="19"/>
      <c r="ANJ47" s="19"/>
      <c r="ANK47" s="19"/>
      <c r="ANL47" s="19"/>
      <c r="ANM47" s="19"/>
      <c r="ANN47" s="19"/>
      <c r="ANO47" s="19"/>
      <c r="ANP47" s="19"/>
      <c r="ANQ47" s="19"/>
      <c r="ANR47" s="19"/>
      <c r="ANS47" s="19"/>
      <c r="ANT47" s="19"/>
      <c r="ANU47" s="19"/>
      <c r="ANV47" s="19"/>
      <c r="ANW47" s="19"/>
      <c r="ANX47" s="19"/>
      <c r="ANY47" s="19"/>
      <c r="ANZ47" s="19"/>
      <c r="AOA47" s="19"/>
      <c r="AOB47" s="19"/>
      <c r="AOC47" s="19"/>
      <c r="AOD47" s="19"/>
      <c r="AOE47" s="19"/>
      <c r="AOF47" s="19"/>
      <c r="AOG47" s="19"/>
      <c r="AOH47" s="19"/>
      <c r="AOI47" s="19"/>
      <c r="AOJ47" s="19"/>
      <c r="AOK47" s="19"/>
      <c r="AOL47" s="19"/>
      <c r="AOM47" s="19"/>
      <c r="AON47" s="19"/>
      <c r="AOO47" s="19"/>
      <c r="AOP47" s="19"/>
      <c r="AOQ47" s="19"/>
      <c r="AOR47" s="19"/>
      <c r="AOS47" s="19"/>
      <c r="AOT47" s="19"/>
      <c r="AOU47" s="19"/>
      <c r="AOV47" s="19"/>
      <c r="AOW47" s="19"/>
      <c r="AOX47" s="19"/>
      <c r="AOY47" s="19"/>
      <c r="AOZ47" s="19"/>
      <c r="APA47" s="19"/>
      <c r="APB47" s="19"/>
      <c r="APC47" s="19"/>
      <c r="APD47" s="19"/>
      <c r="APE47" s="19"/>
      <c r="APF47" s="19"/>
      <c r="APG47" s="19"/>
      <c r="APH47" s="19"/>
      <c r="API47" s="19"/>
      <c r="APJ47" s="19"/>
      <c r="APK47" s="19"/>
      <c r="APL47" s="19"/>
      <c r="APM47" s="19"/>
      <c r="APN47" s="19"/>
      <c r="APO47" s="19"/>
      <c r="APP47" s="19"/>
      <c r="APQ47" s="19"/>
      <c r="APR47" s="19"/>
      <c r="APS47" s="19"/>
      <c r="APT47" s="19"/>
      <c r="APU47" s="19"/>
      <c r="APV47" s="19"/>
      <c r="APW47" s="19"/>
      <c r="APX47" s="19"/>
      <c r="APY47" s="19"/>
      <c r="APZ47" s="19"/>
      <c r="AQA47" s="19"/>
      <c r="AQB47" s="19"/>
      <c r="AQC47" s="19"/>
      <c r="AQD47" s="19"/>
      <c r="AQE47" s="19"/>
      <c r="AQF47" s="19"/>
      <c r="AQG47" s="19"/>
      <c r="AQH47" s="19"/>
      <c r="AQI47" s="19"/>
      <c r="AQJ47" s="19"/>
      <c r="AQK47" s="19"/>
      <c r="AQL47" s="19"/>
      <c r="AQM47" s="19"/>
      <c r="AQN47" s="19"/>
      <c r="AQO47" s="19"/>
      <c r="AQP47" s="19"/>
      <c r="AQQ47" s="19"/>
      <c r="AQR47" s="19"/>
      <c r="AQS47" s="19"/>
      <c r="AQT47" s="19"/>
      <c r="AQU47" s="19"/>
      <c r="AQV47" s="19"/>
      <c r="AQW47" s="19"/>
      <c r="AQX47" s="19"/>
      <c r="AQY47" s="19"/>
      <c r="AQZ47" s="19"/>
      <c r="ARA47" s="19"/>
      <c r="ARB47" s="19"/>
      <c r="ARC47" s="19"/>
      <c r="ARD47" s="19"/>
      <c r="ARE47" s="19"/>
      <c r="ARF47" s="19"/>
      <c r="ARG47" s="19"/>
      <c r="ARH47" s="19"/>
      <c r="ARI47" s="19"/>
      <c r="ARJ47" s="19"/>
      <c r="ARK47" s="19"/>
      <c r="ARL47" s="19"/>
      <c r="ARM47" s="19"/>
      <c r="ARN47" s="19"/>
      <c r="ARO47" s="19"/>
      <c r="ARP47" s="19"/>
      <c r="ARQ47" s="19"/>
      <c r="ARR47" s="19"/>
      <c r="ARS47" s="19"/>
      <c r="ART47" s="19"/>
      <c r="ARU47" s="19"/>
      <c r="ARV47" s="19"/>
      <c r="ARW47" s="19"/>
      <c r="ARX47" s="19"/>
      <c r="ARY47" s="19"/>
      <c r="ARZ47" s="19"/>
      <c r="ASA47" s="19"/>
      <c r="ASB47" s="19"/>
      <c r="ASC47" s="19"/>
      <c r="ASD47" s="19"/>
      <c r="ASE47" s="19"/>
      <c r="ASF47" s="19"/>
      <c r="ASG47" s="19"/>
      <c r="ASH47" s="19"/>
      <c r="ASI47" s="19"/>
      <c r="ASJ47" s="19"/>
      <c r="ASK47" s="19"/>
      <c r="ASL47" s="19"/>
      <c r="ASM47" s="19"/>
      <c r="ASN47" s="19"/>
      <c r="ASO47" s="19"/>
      <c r="ASP47" s="19"/>
      <c r="ASQ47" s="19"/>
      <c r="ASR47" s="19"/>
      <c r="ASS47" s="19"/>
      <c r="AST47" s="19"/>
      <c r="ASU47" s="19"/>
      <c r="ASV47" s="19"/>
      <c r="ASW47" s="19"/>
      <c r="ASX47" s="19"/>
      <c r="ASY47" s="19"/>
      <c r="ASZ47" s="19"/>
      <c r="ATA47" s="19"/>
      <c r="ATB47" s="19"/>
      <c r="ATC47" s="19"/>
      <c r="ATD47" s="19"/>
      <c r="ATE47" s="19"/>
      <c r="ATF47" s="19"/>
      <c r="ATG47" s="19"/>
      <c r="ATH47" s="19"/>
      <c r="ATI47" s="19"/>
      <c r="ATJ47" s="19"/>
      <c r="ATK47" s="19"/>
      <c r="ATL47" s="19"/>
      <c r="ATM47" s="19"/>
      <c r="ATN47" s="19"/>
      <c r="ATO47" s="19"/>
      <c r="ATP47" s="19"/>
      <c r="ATQ47" s="19"/>
      <c r="ATR47" s="19"/>
      <c r="ATS47" s="19"/>
      <c r="ATT47" s="19"/>
      <c r="ATU47" s="19"/>
      <c r="ATV47" s="19"/>
      <c r="ATW47" s="19"/>
      <c r="ATX47" s="19"/>
      <c r="ATY47" s="19"/>
      <c r="ATZ47" s="19"/>
      <c r="AUA47" s="19"/>
      <c r="AUB47" s="19"/>
      <c r="AUC47" s="19"/>
      <c r="AUD47" s="19"/>
      <c r="AUE47" s="19"/>
      <c r="AUF47" s="19"/>
      <c r="AUG47" s="19"/>
      <c r="AUH47" s="19"/>
      <c r="AUI47" s="19"/>
      <c r="AUJ47" s="19"/>
      <c r="AUK47" s="19"/>
      <c r="AUL47" s="19"/>
      <c r="AUM47" s="19"/>
      <c r="AUN47" s="19"/>
      <c r="AUO47" s="19"/>
      <c r="AUP47" s="19"/>
      <c r="AUQ47" s="19"/>
      <c r="AUR47" s="19"/>
      <c r="AUS47" s="19"/>
      <c r="AUT47" s="19"/>
      <c r="AUU47" s="19"/>
      <c r="AUV47" s="19"/>
      <c r="AUW47" s="19"/>
      <c r="AUX47" s="19"/>
      <c r="AUY47" s="19"/>
      <c r="AUZ47" s="19"/>
      <c r="AVA47" s="19"/>
      <c r="AVB47" s="19"/>
      <c r="AVC47" s="19"/>
      <c r="AVD47" s="19"/>
      <c r="AVE47" s="19"/>
      <c r="AVF47" s="19"/>
      <c r="AVG47" s="19"/>
      <c r="AVH47" s="19"/>
      <c r="AVI47" s="19"/>
      <c r="AVJ47" s="19"/>
      <c r="AVK47" s="19"/>
      <c r="AVL47" s="19"/>
      <c r="AVM47" s="19"/>
      <c r="AVN47" s="19"/>
      <c r="AVO47" s="19"/>
      <c r="AVP47" s="19"/>
      <c r="AVQ47" s="19"/>
      <c r="AVR47" s="19"/>
      <c r="AVS47" s="19"/>
      <c r="AVT47" s="19"/>
      <c r="AVU47" s="19"/>
      <c r="AVV47" s="19"/>
      <c r="AVW47" s="19"/>
      <c r="AVX47" s="19"/>
      <c r="AVY47" s="19"/>
      <c r="AVZ47" s="19"/>
      <c r="AWA47" s="19"/>
      <c r="AWB47" s="19"/>
      <c r="AWC47" s="19"/>
      <c r="AWD47" s="19"/>
      <c r="AWE47" s="19"/>
      <c r="AWF47" s="19"/>
      <c r="AWG47" s="19"/>
      <c r="AWH47" s="19"/>
      <c r="AWI47" s="19"/>
      <c r="AWJ47" s="19"/>
      <c r="AWK47" s="19"/>
      <c r="AWL47" s="19"/>
      <c r="AWM47" s="19"/>
      <c r="AWN47" s="19"/>
      <c r="AWO47" s="19"/>
      <c r="AWP47" s="19"/>
      <c r="AWQ47" s="19"/>
      <c r="AWR47" s="19"/>
      <c r="AWS47" s="19"/>
      <c r="AWT47" s="19"/>
      <c r="AWU47" s="19"/>
      <c r="AWV47" s="19"/>
      <c r="AWW47" s="19"/>
      <c r="AWX47" s="19"/>
      <c r="AWY47" s="19"/>
      <c r="AWZ47" s="19"/>
      <c r="AXA47" s="19"/>
      <c r="AXB47" s="19"/>
      <c r="AXC47" s="19"/>
      <c r="AXD47" s="19"/>
      <c r="AXE47" s="19"/>
      <c r="AXF47" s="19"/>
      <c r="AXG47" s="19"/>
      <c r="AXH47" s="19"/>
      <c r="AXI47" s="19"/>
      <c r="AXJ47" s="19"/>
      <c r="AXK47" s="19"/>
      <c r="AXL47" s="19"/>
      <c r="AXM47" s="19"/>
      <c r="AXN47" s="19"/>
      <c r="AXO47" s="19"/>
      <c r="AXP47" s="19"/>
      <c r="AXQ47" s="19"/>
      <c r="AXR47" s="19"/>
      <c r="AXS47" s="19"/>
      <c r="AXT47" s="19"/>
      <c r="AXU47" s="19"/>
      <c r="AXV47" s="19"/>
      <c r="AXW47" s="19"/>
      <c r="AXX47" s="19"/>
      <c r="AXY47" s="19"/>
      <c r="AXZ47" s="19"/>
      <c r="AYA47" s="19"/>
      <c r="AYB47" s="19"/>
      <c r="AYC47" s="19"/>
      <c r="AYD47" s="19"/>
      <c r="AYE47" s="19"/>
      <c r="AYF47" s="19"/>
      <c r="AYG47" s="19"/>
      <c r="AYH47" s="19"/>
      <c r="AYI47" s="19"/>
      <c r="AYJ47" s="19"/>
      <c r="AYK47" s="19"/>
      <c r="AYL47" s="19"/>
      <c r="AYM47" s="19"/>
      <c r="AYN47" s="19"/>
      <c r="AYO47" s="19"/>
      <c r="AYP47" s="19"/>
      <c r="AYQ47" s="19"/>
      <c r="AYR47" s="19"/>
      <c r="AYS47" s="19"/>
      <c r="AYT47" s="19"/>
      <c r="AYU47" s="19"/>
      <c r="AYV47" s="19"/>
      <c r="AYW47" s="19"/>
      <c r="AYX47" s="19"/>
      <c r="AYY47" s="19"/>
      <c r="AYZ47" s="19"/>
      <c r="AZA47" s="19"/>
      <c r="AZB47" s="19"/>
      <c r="AZC47" s="19"/>
      <c r="AZD47" s="19"/>
      <c r="AZE47" s="19"/>
      <c r="AZF47" s="19"/>
      <c r="AZG47" s="19"/>
      <c r="AZH47" s="19"/>
      <c r="AZI47" s="19"/>
      <c r="AZJ47" s="19"/>
      <c r="AZK47" s="19"/>
      <c r="AZL47" s="19"/>
      <c r="AZM47" s="19"/>
      <c r="AZN47" s="19"/>
      <c r="AZO47" s="19"/>
      <c r="AZP47" s="19"/>
      <c r="AZQ47" s="19"/>
      <c r="AZR47" s="19"/>
      <c r="AZS47" s="19"/>
      <c r="AZT47" s="19"/>
      <c r="AZU47" s="19"/>
      <c r="AZV47" s="19"/>
      <c r="AZW47" s="19"/>
      <c r="AZX47" s="19"/>
      <c r="AZY47" s="19"/>
      <c r="AZZ47" s="19"/>
      <c r="BAA47" s="19"/>
      <c r="BAB47" s="19"/>
      <c r="BAC47" s="19"/>
      <c r="BAD47" s="19"/>
      <c r="BAE47" s="19"/>
      <c r="BAF47" s="19"/>
      <c r="BAG47" s="19"/>
      <c r="BAH47" s="19"/>
      <c r="BAI47" s="19"/>
      <c r="BAJ47" s="19"/>
      <c r="BAK47" s="19"/>
      <c r="BAL47" s="19"/>
      <c r="BAM47" s="19"/>
      <c r="BAN47" s="19"/>
      <c r="BAO47" s="19"/>
      <c r="BAP47" s="19"/>
      <c r="BAQ47" s="19"/>
      <c r="BAR47" s="19"/>
      <c r="BAS47" s="19"/>
      <c r="BAT47" s="19"/>
      <c r="BAU47" s="19"/>
      <c r="BAV47" s="19"/>
      <c r="BAW47" s="19"/>
      <c r="BAX47" s="19"/>
      <c r="BAY47" s="19"/>
      <c r="BAZ47" s="19"/>
      <c r="BBA47" s="19"/>
      <c r="BBB47" s="19"/>
      <c r="BBC47" s="19"/>
      <c r="BBD47" s="19"/>
      <c r="BBE47" s="19"/>
      <c r="BBF47" s="19"/>
      <c r="BBG47" s="19"/>
      <c r="BBH47" s="19"/>
      <c r="BBI47" s="19"/>
      <c r="BBJ47" s="19"/>
      <c r="BBK47" s="19"/>
      <c r="BBL47" s="19"/>
      <c r="BBM47" s="19"/>
      <c r="BBN47" s="19"/>
    </row>
    <row r="48" spans="1:1418" ht="33.75" customHeight="1" x14ac:dyDescent="0.2">
      <c r="A48" s="63" t="s">
        <v>59</v>
      </c>
      <c r="B48" s="54"/>
      <c r="C48" s="127"/>
      <c r="D48" s="128"/>
      <c r="E48" s="54"/>
      <c r="F48" s="54"/>
      <c r="G48" s="54"/>
      <c r="H48" s="54"/>
      <c r="I48" s="54"/>
      <c r="J48" s="55"/>
    </row>
    <row r="49" spans="1:1418" s="15" customFormat="1" ht="33.75" customHeight="1" x14ac:dyDescent="0.2">
      <c r="A49" s="59" t="s">
        <v>32</v>
      </c>
      <c r="B49" s="64"/>
      <c r="C49" s="143" t="s">
        <v>19</v>
      </c>
      <c r="D49" s="144"/>
      <c r="E49" s="64"/>
      <c r="F49" s="64"/>
      <c r="G49" s="64"/>
      <c r="H49" s="64"/>
      <c r="I49" s="64"/>
      <c r="J49" s="65"/>
    </row>
    <row r="50" spans="1:1418" s="15" customFormat="1" ht="33.75" customHeight="1" x14ac:dyDescent="0.2">
      <c r="A50" s="66" t="s">
        <v>33</v>
      </c>
      <c r="B50" s="67"/>
      <c r="C50" s="125"/>
      <c r="D50" s="126"/>
      <c r="E50" s="67"/>
      <c r="F50" s="67"/>
      <c r="G50" s="67"/>
      <c r="H50" s="67"/>
      <c r="I50" s="67"/>
      <c r="J50" s="68"/>
    </row>
    <row r="51" spans="1:1418" ht="18" customHeight="1" x14ac:dyDescent="0.2">
      <c r="A51" s="69" t="s">
        <v>63</v>
      </c>
      <c r="B51" s="70"/>
      <c r="C51" s="127"/>
      <c r="D51" s="128"/>
      <c r="E51" s="70"/>
      <c r="F51" s="70"/>
      <c r="G51" s="70"/>
      <c r="H51" s="70"/>
      <c r="I51" s="70"/>
      <c r="J51" s="71"/>
    </row>
    <row r="52" spans="1:1418" ht="34.5" customHeight="1" x14ac:dyDescent="0.2">
      <c r="A52" s="72" t="s">
        <v>26</v>
      </c>
      <c r="B52" s="73"/>
      <c r="C52" s="129" t="s">
        <v>27</v>
      </c>
      <c r="D52" s="130"/>
      <c r="E52" s="73"/>
      <c r="F52" s="73"/>
      <c r="G52" s="73"/>
      <c r="H52" s="73"/>
      <c r="I52" s="73"/>
      <c r="J52" s="74"/>
    </row>
    <row r="53" spans="1:1418" s="33" customFormat="1" ht="18" customHeight="1" x14ac:dyDescent="0.2">
      <c r="A53" s="30" t="s">
        <v>28</v>
      </c>
      <c r="B53" s="31"/>
      <c r="C53" s="131" t="s">
        <v>18</v>
      </c>
      <c r="D53" s="132"/>
      <c r="E53" s="31"/>
      <c r="F53" s="31"/>
      <c r="G53" s="31"/>
      <c r="H53" s="31"/>
      <c r="I53" s="31"/>
      <c r="J53" s="32"/>
      <c r="K53" s="15"/>
      <c r="L53" s="15"/>
      <c r="M53" s="15"/>
      <c r="N53" s="15"/>
      <c r="O53" s="15"/>
      <c r="P53" s="15"/>
      <c r="Q53" s="15"/>
      <c r="R53" s="15"/>
      <c r="S53" s="15"/>
      <c r="T53" s="15"/>
      <c r="U53" s="15"/>
      <c r="V53" s="15"/>
      <c r="W53" s="15"/>
      <c r="X53" s="15"/>
      <c r="Y53" s="15"/>
      <c r="Z53" s="15"/>
      <c r="AA53" s="15"/>
      <c r="AB53" s="15"/>
      <c r="AC53" s="15"/>
      <c r="AD53" s="15"/>
      <c r="AE53" s="15"/>
      <c r="AF53" s="15"/>
      <c r="AG53" s="15"/>
      <c r="AH53" s="15"/>
      <c r="AI53" s="15"/>
      <c r="AJ53" s="15"/>
      <c r="AK53" s="15"/>
      <c r="AL53" s="15"/>
      <c r="AM53" s="15"/>
      <c r="AN53" s="15"/>
      <c r="AO53" s="15"/>
      <c r="AP53" s="15"/>
      <c r="AQ53" s="15"/>
      <c r="AR53" s="15"/>
      <c r="AS53" s="15"/>
      <c r="AT53" s="15"/>
      <c r="AU53" s="15"/>
      <c r="AV53" s="15"/>
      <c r="AW53" s="15"/>
      <c r="AX53" s="15"/>
      <c r="AY53" s="15"/>
      <c r="AZ53" s="15"/>
      <c r="BA53" s="15"/>
      <c r="BB53" s="15"/>
      <c r="BC53" s="15"/>
      <c r="BD53" s="15"/>
      <c r="BE53" s="15"/>
      <c r="BF53" s="15"/>
      <c r="BG53" s="15"/>
      <c r="BH53" s="15"/>
      <c r="BI53" s="15"/>
      <c r="BJ53" s="15"/>
      <c r="BK53" s="15"/>
      <c r="BL53" s="15"/>
      <c r="BM53" s="15"/>
      <c r="BN53" s="15"/>
      <c r="BO53" s="15"/>
      <c r="BP53" s="15"/>
      <c r="BQ53" s="15"/>
      <c r="BR53" s="15"/>
      <c r="BS53" s="15"/>
      <c r="BT53" s="15"/>
      <c r="BU53" s="15"/>
      <c r="BV53" s="15"/>
      <c r="BW53" s="15"/>
      <c r="BX53" s="15"/>
      <c r="BY53" s="15"/>
      <c r="BZ53" s="15"/>
      <c r="CA53" s="15"/>
      <c r="CB53" s="15"/>
      <c r="CC53" s="15"/>
      <c r="CD53" s="15"/>
      <c r="CE53" s="15"/>
      <c r="CF53" s="15"/>
      <c r="CG53" s="15"/>
      <c r="CH53" s="15"/>
      <c r="CI53" s="15"/>
      <c r="CJ53" s="15"/>
      <c r="CK53" s="15"/>
      <c r="CL53" s="15"/>
      <c r="CM53" s="15"/>
      <c r="CN53" s="15"/>
      <c r="CO53" s="15"/>
      <c r="CP53" s="15"/>
      <c r="CQ53" s="15"/>
      <c r="CR53" s="15"/>
      <c r="CS53" s="15"/>
      <c r="CT53" s="15"/>
      <c r="CU53" s="15"/>
      <c r="CV53" s="15"/>
      <c r="CW53" s="15"/>
      <c r="CX53" s="15"/>
      <c r="CY53" s="15"/>
      <c r="CZ53" s="15"/>
      <c r="DA53" s="15"/>
      <c r="DB53" s="15"/>
      <c r="DC53" s="15"/>
      <c r="DD53" s="15"/>
      <c r="DE53" s="15"/>
      <c r="DF53" s="15"/>
      <c r="DG53" s="15"/>
      <c r="DH53" s="15"/>
      <c r="DI53" s="15"/>
      <c r="DJ53" s="15"/>
      <c r="DK53" s="15"/>
      <c r="DL53" s="15"/>
      <c r="DM53" s="15"/>
      <c r="DN53" s="15"/>
      <c r="DO53" s="15"/>
      <c r="DP53" s="15"/>
      <c r="DQ53" s="15"/>
      <c r="DR53" s="15"/>
      <c r="DS53" s="15"/>
      <c r="DT53" s="15"/>
      <c r="DU53" s="15"/>
      <c r="DV53" s="15"/>
      <c r="DW53" s="15"/>
      <c r="DX53" s="15"/>
      <c r="DY53" s="15"/>
      <c r="DZ53" s="15"/>
      <c r="EA53" s="15"/>
      <c r="EB53" s="15"/>
      <c r="EC53" s="15"/>
      <c r="ED53" s="15"/>
      <c r="EE53" s="15"/>
      <c r="EF53" s="15"/>
      <c r="EG53" s="15"/>
      <c r="EH53" s="15"/>
      <c r="EI53" s="15"/>
      <c r="EJ53" s="15"/>
      <c r="EK53" s="15"/>
      <c r="EL53" s="15"/>
      <c r="EM53" s="15"/>
      <c r="EN53" s="15"/>
      <c r="EO53" s="15"/>
      <c r="EP53" s="15"/>
      <c r="EQ53" s="15"/>
      <c r="ER53" s="15"/>
      <c r="ES53" s="15"/>
      <c r="ET53" s="15"/>
      <c r="EU53" s="15"/>
      <c r="EV53" s="15"/>
      <c r="EW53" s="15"/>
      <c r="EX53" s="15"/>
      <c r="EY53" s="15"/>
      <c r="EZ53" s="15"/>
      <c r="FA53" s="15"/>
      <c r="FB53" s="15"/>
      <c r="FC53" s="15"/>
      <c r="FD53" s="15"/>
      <c r="FE53" s="15"/>
      <c r="FF53" s="15"/>
      <c r="FG53" s="15"/>
      <c r="FH53" s="15"/>
      <c r="FI53" s="15"/>
      <c r="FJ53" s="15"/>
      <c r="FK53" s="15"/>
      <c r="FL53" s="15"/>
      <c r="FM53" s="15"/>
      <c r="FN53" s="15"/>
      <c r="FO53" s="15"/>
      <c r="FP53" s="15"/>
      <c r="FQ53" s="15"/>
      <c r="FR53" s="15"/>
      <c r="FS53" s="15"/>
      <c r="FT53" s="15"/>
      <c r="FU53" s="15"/>
      <c r="FV53" s="15"/>
      <c r="FW53" s="15"/>
      <c r="FX53" s="15"/>
      <c r="FY53" s="15"/>
      <c r="FZ53" s="15"/>
      <c r="GA53" s="15"/>
      <c r="GB53" s="15"/>
      <c r="GC53" s="15"/>
      <c r="GD53" s="15"/>
      <c r="GE53" s="15"/>
      <c r="GF53" s="15"/>
      <c r="GG53" s="15"/>
      <c r="GH53" s="15"/>
      <c r="GI53" s="15"/>
      <c r="GJ53" s="15"/>
      <c r="GK53" s="15"/>
      <c r="GL53" s="15"/>
      <c r="GM53" s="15"/>
      <c r="GN53" s="15"/>
      <c r="GO53" s="15"/>
      <c r="GP53" s="15"/>
      <c r="GQ53" s="15"/>
      <c r="GR53" s="15"/>
      <c r="GS53" s="15"/>
      <c r="GT53" s="15"/>
      <c r="GU53" s="15"/>
      <c r="GV53" s="15"/>
      <c r="GW53" s="15"/>
      <c r="GX53" s="15"/>
      <c r="GY53" s="15"/>
      <c r="GZ53" s="15"/>
      <c r="HA53" s="15"/>
      <c r="HB53" s="15"/>
      <c r="HC53" s="15"/>
      <c r="HD53" s="15"/>
      <c r="HE53" s="15"/>
      <c r="HF53" s="15"/>
      <c r="HG53" s="15"/>
      <c r="HH53" s="15"/>
      <c r="HI53" s="15"/>
      <c r="HJ53" s="15"/>
      <c r="HK53" s="15"/>
      <c r="HL53" s="15"/>
      <c r="HM53" s="15"/>
      <c r="HN53" s="15"/>
      <c r="HO53" s="15"/>
      <c r="HP53" s="15"/>
      <c r="HQ53" s="15"/>
      <c r="HR53" s="15"/>
      <c r="HS53" s="15"/>
      <c r="HT53" s="15"/>
      <c r="HU53" s="15"/>
      <c r="HV53" s="15"/>
      <c r="HW53" s="15"/>
      <c r="HX53" s="15"/>
      <c r="HY53" s="15"/>
      <c r="HZ53" s="15"/>
      <c r="IA53" s="15"/>
      <c r="IB53" s="15"/>
      <c r="IC53" s="15"/>
      <c r="ID53" s="15"/>
      <c r="IE53" s="15"/>
      <c r="IF53" s="15"/>
      <c r="IG53" s="15"/>
      <c r="IH53" s="15"/>
      <c r="II53" s="15"/>
      <c r="IJ53" s="15"/>
      <c r="IK53" s="15"/>
      <c r="IL53" s="15"/>
      <c r="IM53" s="15"/>
      <c r="IN53" s="15"/>
      <c r="IO53" s="15"/>
      <c r="IP53" s="15"/>
      <c r="IQ53" s="15"/>
      <c r="IR53" s="15"/>
      <c r="IS53" s="15"/>
      <c r="IT53" s="15"/>
      <c r="IU53" s="15"/>
      <c r="IV53" s="15"/>
      <c r="IW53" s="15"/>
      <c r="IX53" s="15"/>
      <c r="IY53" s="15"/>
      <c r="IZ53" s="15"/>
      <c r="JA53" s="15"/>
      <c r="JB53" s="15"/>
      <c r="JC53" s="15"/>
      <c r="JD53" s="15"/>
      <c r="JE53" s="15"/>
      <c r="JF53" s="15"/>
      <c r="JG53" s="15"/>
      <c r="JH53" s="15"/>
      <c r="JI53" s="15"/>
      <c r="JJ53" s="15"/>
      <c r="JK53" s="15"/>
      <c r="JL53" s="15"/>
      <c r="JM53" s="15"/>
      <c r="JN53" s="15"/>
      <c r="JO53" s="15"/>
      <c r="JP53" s="15"/>
      <c r="JQ53" s="15"/>
      <c r="JR53" s="15"/>
      <c r="JS53" s="15"/>
      <c r="JT53" s="15"/>
      <c r="JU53" s="15"/>
      <c r="JV53" s="15"/>
      <c r="JW53" s="15"/>
      <c r="JX53" s="15"/>
      <c r="JY53" s="15"/>
      <c r="JZ53" s="15"/>
      <c r="KA53" s="15"/>
      <c r="KB53" s="15"/>
      <c r="KC53" s="15"/>
      <c r="KD53" s="15"/>
      <c r="KE53" s="15"/>
      <c r="KF53" s="15"/>
      <c r="KG53" s="15"/>
      <c r="KH53" s="15"/>
      <c r="KI53" s="15"/>
      <c r="KJ53" s="15"/>
      <c r="KK53" s="15"/>
      <c r="KL53" s="15"/>
      <c r="KM53" s="15"/>
      <c r="KN53" s="15"/>
      <c r="KO53" s="15"/>
      <c r="KP53" s="15"/>
      <c r="KQ53" s="15"/>
      <c r="KR53" s="15"/>
      <c r="KS53" s="15"/>
      <c r="KT53" s="15"/>
      <c r="KU53" s="15"/>
      <c r="KV53" s="15"/>
      <c r="KW53" s="15"/>
      <c r="KX53" s="15"/>
      <c r="KY53" s="15"/>
      <c r="KZ53" s="15"/>
      <c r="LA53" s="15"/>
      <c r="LB53" s="15"/>
      <c r="LC53" s="15"/>
      <c r="LD53" s="15"/>
      <c r="LE53" s="15"/>
      <c r="LF53" s="15"/>
      <c r="LG53" s="15"/>
      <c r="LH53" s="15"/>
      <c r="LI53" s="15"/>
      <c r="LJ53" s="15"/>
      <c r="LK53" s="15"/>
      <c r="LL53" s="15"/>
      <c r="LM53" s="15"/>
      <c r="LN53" s="15"/>
      <c r="LO53" s="15"/>
      <c r="LP53" s="15"/>
      <c r="LQ53" s="15"/>
      <c r="LR53" s="15"/>
      <c r="LS53" s="15"/>
      <c r="LT53" s="15"/>
      <c r="LU53" s="15"/>
      <c r="LV53" s="15"/>
      <c r="LW53" s="15"/>
      <c r="LX53" s="15"/>
      <c r="LY53" s="15"/>
      <c r="LZ53" s="15"/>
      <c r="MA53" s="15"/>
      <c r="MB53" s="15"/>
      <c r="MC53" s="15"/>
      <c r="MD53" s="15"/>
      <c r="ME53" s="15"/>
      <c r="MF53" s="15"/>
      <c r="MG53" s="15"/>
      <c r="MH53" s="15"/>
      <c r="MI53" s="15"/>
      <c r="MJ53" s="15"/>
      <c r="MK53" s="15"/>
      <c r="ML53" s="15"/>
      <c r="MM53" s="15"/>
      <c r="MN53" s="15"/>
      <c r="MO53" s="15"/>
      <c r="MP53" s="15"/>
      <c r="MQ53" s="15"/>
      <c r="MR53" s="15"/>
      <c r="MS53" s="15"/>
      <c r="MT53" s="15"/>
      <c r="MU53" s="15"/>
      <c r="MV53" s="15"/>
      <c r="MW53" s="15"/>
      <c r="MX53" s="15"/>
      <c r="MY53" s="15"/>
      <c r="MZ53" s="15"/>
      <c r="NA53" s="15"/>
      <c r="NB53" s="15"/>
      <c r="NC53" s="15"/>
      <c r="ND53" s="15"/>
      <c r="NE53" s="15"/>
      <c r="NF53" s="15"/>
      <c r="NG53" s="15"/>
      <c r="NH53" s="15"/>
      <c r="NI53" s="15"/>
      <c r="NJ53" s="15"/>
      <c r="NK53" s="15"/>
      <c r="NL53" s="15"/>
      <c r="NM53" s="15"/>
      <c r="NN53" s="15"/>
      <c r="NO53" s="15"/>
      <c r="NP53" s="15"/>
      <c r="NQ53" s="15"/>
      <c r="NR53" s="15"/>
      <c r="NS53" s="15"/>
      <c r="NT53" s="15"/>
      <c r="NU53" s="15"/>
      <c r="NV53" s="15"/>
      <c r="NW53" s="15"/>
      <c r="NX53" s="15"/>
      <c r="NY53" s="15"/>
      <c r="NZ53" s="15"/>
      <c r="OA53" s="15"/>
      <c r="OB53" s="15"/>
      <c r="OC53" s="15"/>
      <c r="OD53" s="15"/>
      <c r="OE53" s="15"/>
      <c r="OF53" s="15"/>
      <c r="OG53" s="15"/>
      <c r="OH53" s="15"/>
      <c r="OI53" s="15"/>
      <c r="OJ53" s="15"/>
      <c r="OK53" s="15"/>
      <c r="OL53" s="15"/>
      <c r="OM53" s="15"/>
      <c r="ON53" s="15"/>
      <c r="OO53" s="15"/>
      <c r="OP53" s="15"/>
      <c r="OQ53" s="15"/>
      <c r="OR53" s="15"/>
      <c r="OS53" s="15"/>
      <c r="OT53" s="15"/>
      <c r="OU53" s="15"/>
      <c r="OV53" s="15"/>
      <c r="OW53" s="15"/>
      <c r="OX53" s="15"/>
      <c r="OY53" s="15"/>
      <c r="OZ53" s="15"/>
      <c r="PA53" s="15"/>
      <c r="PB53" s="15"/>
      <c r="PC53" s="15"/>
      <c r="PD53" s="15"/>
      <c r="PE53" s="15"/>
      <c r="PF53" s="15"/>
      <c r="PG53" s="15"/>
      <c r="PH53" s="15"/>
      <c r="PI53" s="15"/>
      <c r="PJ53" s="15"/>
      <c r="PK53" s="15"/>
      <c r="PL53" s="15"/>
      <c r="PM53" s="15"/>
      <c r="PN53" s="15"/>
      <c r="PO53" s="15"/>
      <c r="PP53" s="15"/>
      <c r="PQ53" s="15"/>
      <c r="PR53" s="15"/>
      <c r="PS53" s="15"/>
      <c r="PT53" s="15"/>
      <c r="PU53" s="15"/>
      <c r="PV53" s="15"/>
      <c r="PW53" s="15"/>
      <c r="PX53" s="15"/>
      <c r="PY53" s="15"/>
      <c r="PZ53" s="15"/>
      <c r="QA53" s="15"/>
      <c r="QB53" s="15"/>
      <c r="QC53" s="15"/>
      <c r="QD53" s="15"/>
      <c r="QE53" s="15"/>
      <c r="QF53" s="15"/>
      <c r="QG53" s="15"/>
      <c r="QH53" s="15"/>
      <c r="QI53" s="15"/>
      <c r="QJ53" s="15"/>
      <c r="QK53" s="15"/>
      <c r="QL53" s="15"/>
      <c r="QM53" s="15"/>
      <c r="QN53" s="15"/>
      <c r="QO53" s="15"/>
      <c r="QP53" s="15"/>
      <c r="QQ53" s="15"/>
      <c r="QR53" s="15"/>
      <c r="QS53" s="15"/>
      <c r="QT53" s="15"/>
      <c r="QU53" s="15"/>
      <c r="QV53" s="15"/>
      <c r="QW53" s="15"/>
      <c r="QX53" s="15"/>
      <c r="QY53" s="15"/>
      <c r="QZ53" s="15"/>
      <c r="RA53" s="15"/>
      <c r="RB53" s="15"/>
      <c r="RC53" s="15"/>
      <c r="RD53" s="15"/>
      <c r="RE53" s="15"/>
      <c r="RF53" s="15"/>
      <c r="RG53" s="15"/>
      <c r="RH53" s="15"/>
      <c r="RI53" s="15"/>
      <c r="RJ53" s="15"/>
      <c r="RK53" s="15"/>
      <c r="RL53" s="15"/>
      <c r="RM53" s="15"/>
      <c r="RN53" s="15"/>
      <c r="RO53" s="15"/>
      <c r="RP53" s="15"/>
      <c r="RQ53" s="15"/>
      <c r="RR53" s="15"/>
      <c r="RS53" s="15"/>
      <c r="RT53" s="15"/>
      <c r="RU53" s="15"/>
      <c r="RV53" s="15"/>
      <c r="RW53" s="15"/>
      <c r="RX53" s="15"/>
      <c r="RY53" s="15"/>
      <c r="RZ53" s="15"/>
      <c r="SA53" s="15"/>
      <c r="SB53" s="15"/>
      <c r="SC53" s="15"/>
      <c r="SD53" s="15"/>
      <c r="SE53" s="15"/>
      <c r="SF53" s="15"/>
      <c r="SG53" s="15"/>
      <c r="SH53" s="15"/>
      <c r="SI53" s="15"/>
      <c r="SJ53" s="15"/>
      <c r="SK53" s="15"/>
      <c r="SL53" s="15"/>
      <c r="SM53" s="15"/>
      <c r="SN53" s="15"/>
      <c r="SO53" s="15"/>
      <c r="SP53" s="15"/>
      <c r="SQ53" s="15"/>
      <c r="SR53" s="15"/>
      <c r="SS53" s="15"/>
      <c r="ST53" s="15"/>
      <c r="SU53" s="15"/>
      <c r="SV53" s="15"/>
      <c r="SW53" s="15"/>
      <c r="SX53" s="15"/>
      <c r="SY53" s="15"/>
      <c r="SZ53" s="15"/>
      <c r="TA53" s="15"/>
      <c r="TB53" s="15"/>
      <c r="TC53" s="15"/>
      <c r="TD53" s="15"/>
      <c r="TE53" s="15"/>
      <c r="TF53" s="15"/>
      <c r="TG53" s="15"/>
      <c r="TH53" s="15"/>
      <c r="TI53" s="15"/>
      <c r="TJ53" s="15"/>
      <c r="TK53" s="15"/>
      <c r="TL53" s="15"/>
      <c r="TM53" s="15"/>
      <c r="TN53" s="15"/>
      <c r="TO53" s="15"/>
      <c r="TP53" s="15"/>
      <c r="TQ53" s="15"/>
      <c r="TR53" s="15"/>
      <c r="TS53" s="15"/>
      <c r="TT53" s="15"/>
      <c r="TU53" s="15"/>
      <c r="TV53" s="15"/>
      <c r="TW53" s="15"/>
      <c r="TX53" s="15"/>
      <c r="TY53" s="15"/>
      <c r="TZ53" s="15"/>
      <c r="UA53" s="15"/>
      <c r="UB53" s="15"/>
      <c r="UC53" s="15"/>
      <c r="UD53" s="15"/>
      <c r="UE53" s="15"/>
      <c r="UF53" s="15"/>
      <c r="UG53" s="15"/>
      <c r="UH53" s="15"/>
      <c r="UI53" s="15"/>
      <c r="UJ53" s="15"/>
      <c r="UK53" s="15"/>
      <c r="UL53" s="15"/>
      <c r="UM53" s="15"/>
      <c r="UN53" s="15"/>
      <c r="UO53" s="15"/>
      <c r="UP53" s="15"/>
      <c r="UQ53" s="15"/>
      <c r="UR53" s="15"/>
      <c r="US53" s="15"/>
      <c r="UT53" s="15"/>
      <c r="UU53" s="15"/>
      <c r="UV53" s="15"/>
      <c r="UW53" s="15"/>
      <c r="UX53" s="15"/>
      <c r="UY53" s="15"/>
      <c r="UZ53" s="15"/>
      <c r="VA53" s="15"/>
      <c r="VB53" s="15"/>
      <c r="VC53" s="15"/>
      <c r="VD53" s="15"/>
      <c r="VE53" s="15"/>
      <c r="VF53" s="15"/>
      <c r="VG53" s="15"/>
      <c r="VH53" s="15"/>
      <c r="VI53" s="15"/>
      <c r="VJ53" s="15"/>
      <c r="VK53" s="15"/>
      <c r="VL53" s="15"/>
      <c r="VM53" s="15"/>
      <c r="VN53" s="15"/>
      <c r="VO53" s="15"/>
      <c r="VP53" s="15"/>
      <c r="VQ53" s="15"/>
      <c r="VR53" s="15"/>
      <c r="VS53" s="15"/>
      <c r="VT53" s="15"/>
      <c r="VU53" s="15"/>
      <c r="VV53" s="15"/>
      <c r="VW53" s="15"/>
      <c r="VX53" s="15"/>
      <c r="VY53" s="15"/>
      <c r="VZ53" s="15"/>
      <c r="WA53" s="15"/>
      <c r="WB53" s="15"/>
      <c r="WC53" s="15"/>
      <c r="WD53" s="15"/>
      <c r="WE53" s="15"/>
      <c r="WF53" s="15"/>
      <c r="WG53" s="15"/>
      <c r="WH53" s="15"/>
      <c r="WI53" s="15"/>
      <c r="WJ53" s="15"/>
      <c r="WK53" s="15"/>
      <c r="WL53" s="15"/>
      <c r="WM53" s="15"/>
      <c r="WN53" s="15"/>
      <c r="WO53" s="15"/>
      <c r="WP53" s="15"/>
      <c r="WQ53" s="15"/>
      <c r="WR53" s="15"/>
      <c r="WS53" s="15"/>
      <c r="WT53" s="15"/>
      <c r="WU53" s="15"/>
      <c r="WV53" s="15"/>
      <c r="WW53" s="15"/>
      <c r="WX53" s="15"/>
      <c r="WY53" s="15"/>
      <c r="WZ53" s="15"/>
      <c r="XA53" s="15"/>
      <c r="XB53" s="15"/>
      <c r="XC53" s="15"/>
      <c r="XD53" s="15"/>
      <c r="XE53" s="15"/>
      <c r="XF53" s="15"/>
      <c r="XG53" s="15"/>
      <c r="XH53" s="15"/>
      <c r="XI53" s="15"/>
      <c r="XJ53" s="15"/>
      <c r="XK53" s="15"/>
      <c r="XL53" s="15"/>
      <c r="XM53" s="15"/>
      <c r="XN53" s="15"/>
      <c r="XO53" s="15"/>
      <c r="XP53" s="15"/>
      <c r="XQ53" s="15"/>
      <c r="XR53" s="15"/>
      <c r="XS53" s="15"/>
      <c r="XT53" s="15"/>
      <c r="XU53" s="15"/>
      <c r="XV53" s="15"/>
      <c r="XW53" s="15"/>
      <c r="XX53" s="15"/>
      <c r="XY53" s="15"/>
      <c r="XZ53" s="15"/>
      <c r="YA53" s="15"/>
      <c r="YB53" s="15"/>
      <c r="YC53" s="15"/>
      <c r="YD53" s="15"/>
      <c r="YE53" s="15"/>
      <c r="YF53" s="15"/>
      <c r="YG53" s="15"/>
      <c r="YH53" s="15"/>
      <c r="YI53" s="15"/>
      <c r="YJ53" s="15"/>
      <c r="YK53" s="15"/>
      <c r="YL53" s="15"/>
      <c r="YM53" s="15"/>
      <c r="YN53" s="15"/>
      <c r="YO53" s="15"/>
      <c r="YP53" s="15"/>
      <c r="YQ53" s="15"/>
      <c r="YR53" s="15"/>
      <c r="YS53" s="15"/>
      <c r="YT53" s="15"/>
      <c r="YU53" s="15"/>
      <c r="YV53" s="15"/>
      <c r="YW53" s="15"/>
      <c r="YX53" s="15"/>
      <c r="YY53" s="15"/>
      <c r="YZ53" s="15"/>
      <c r="ZA53" s="15"/>
      <c r="ZB53" s="15"/>
      <c r="ZC53" s="15"/>
      <c r="ZD53" s="15"/>
      <c r="ZE53" s="15"/>
      <c r="ZF53" s="15"/>
      <c r="ZG53" s="15"/>
      <c r="ZH53" s="15"/>
      <c r="ZI53" s="15"/>
      <c r="ZJ53" s="15"/>
      <c r="ZK53" s="15"/>
      <c r="ZL53" s="15"/>
      <c r="ZM53" s="15"/>
      <c r="ZN53" s="15"/>
      <c r="ZO53" s="15"/>
      <c r="ZP53" s="15"/>
      <c r="ZQ53" s="15"/>
      <c r="ZR53" s="15"/>
      <c r="ZS53" s="15"/>
      <c r="ZT53" s="15"/>
      <c r="ZU53" s="15"/>
      <c r="ZV53" s="15"/>
      <c r="ZW53" s="15"/>
      <c r="ZX53" s="15"/>
      <c r="ZY53" s="15"/>
      <c r="ZZ53" s="15"/>
      <c r="AAA53" s="15"/>
      <c r="AAB53" s="15"/>
      <c r="AAC53" s="15"/>
      <c r="AAD53" s="15"/>
      <c r="AAE53" s="15"/>
      <c r="AAF53" s="15"/>
      <c r="AAG53" s="15"/>
      <c r="AAH53" s="15"/>
      <c r="AAI53" s="15"/>
      <c r="AAJ53" s="15"/>
      <c r="AAK53" s="15"/>
      <c r="AAL53" s="15"/>
      <c r="AAM53" s="15"/>
      <c r="AAN53" s="15"/>
      <c r="AAO53" s="15"/>
      <c r="AAP53" s="15"/>
      <c r="AAQ53" s="15"/>
      <c r="AAR53" s="15"/>
      <c r="AAS53" s="15"/>
      <c r="AAT53" s="15"/>
      <c r="AAU53" s="15"/>
      <c r="AAV53" s="15"/>
      <c r="AAW53" s="15"/>
      <c r="AAX53" s="15"/>
      <c r="AAY53" s="15"/>
      <c r="AAZ53" s="15"/>
      <c r="ABA53" s="15"/>
      <c r="ABB53" s="15"/>
      <c r="ABC53" s="15"/>
      <c r="ABD53" s="15"/>
      <c r="ABE53" s="15"/>
      <c r="ABF53" s="15"/>
      <c r="ABG53" s="15"/>
      <c r="ABH53" s="15"/>
      <c r="ABI53" s="15"/>
      <c r="ABJ53" s="15"/>
      <c r="ABK53" s="15"/>
      <c r="ABL53" s="15"/>
      <c r="ABM53" s="15"/>
      <c r="ABN53" s="15"/>
      <c r="ABO53" s="15"/>
      <c r="ABP53" s="15"/>
      <c r="ABQ53" s="15"/>
      <c r="ABR53" s="15"/>
      <c r="ABS53" s="15"/>
      <c r="ABT53" s="15"/>
      <c r="ABU53" s="15"/>
      <c r="ABV53" s="15"/>
      <c r="ABW53" s="15"/>
      <c r="ABX53" s="15"/>
      <c r="ABY53" s="15"/>
      <c r="ABZ53" s="15"/>
      <c r="ACA53" s="15"/>
      <c r="ACB53" s="15"/>
      <c r="ACC53" s="15"/>
      <c r="ACD53" s="15"/>
      <c r="ACE53" s="15"/>
      <c r="ACF53" s="15"/>
      <c r="ACG53" s="15"/>
      <c r="ACH53" s="15"/>
      <c r="ACI53" s="15"/>
      <c r="ACJ53" s="15"/>
      <c r="ACK53" s="15"/>
      <c r="ACL53" s="15"/>
      <c r="ACM53" s="15"/>
      <c r="ACN53" s="15"/>
      <c r="ACO53" s="15"/>
      <c r="ACP53" s="15"/>
      <c r="ACQ53" s="15"/>
      <c r="ACR53" s="15"/>
      <c r="ACS53" s="15"/>
      <c r="ACT53" s="15"/>
      <c r="ACU53" s="15"/>
      <c r="ACV53" s="15"/>
      <c r="ACW53" s="15"/>
      <c r="ACX53" s="15"/>
      <c r="ACY53" s="15"/>
      <c r="ACZ53" s="15"/>
      <c r="ADA53" s="15"/>
      <c r="ADB53" s="15"/>
      <c r="ADC53" s="15"/>
      <c r="ADD53" s="15"/>
      <c r="ADE53" s="15"/>
      <c r="ADF53" s="15"/>
      <c r="ADG53" s="15"/>
      <c r="ADH53" s="15"/>
      <c r="ADI53" s="15"/>
      <c r="ADJ53" s="15"/>
      <c r="ADK53" s="15"/>
      <c r="ADL53" s="15"/>
      <c r="ADM53" s="15"/>
      <c r="ADN53" s="15"/>
      <c r="ADO53" s="15"/>
      <c r="ADP53" s="15"/>
      <c r="ADQ53" s="15"/>
      <c r="ADR53" s="15"/>
      <c r="ADS53" s="15"/>
      <c r="ADT53" s="15"/>
      <c r="ADU53" s="15"/>
      <c r="ADV53" s="15"/>
      <c r="ADW53" s="15"/>
      <c r="ADX53" s="15"/>
      <c r="ADY53" s="15"/>
      <c r="ADZ53" s="15"/>
      <c r="AEA53" s="15"/>
      <c r="AEB53" s="15"/>
      <c r="AEC53" s="15"/>
      <c r="AED53" s="15"/>
      <c r="AEE53" s="15"/>
      <c r="AEF53" s="15"/>
      <c r="AEG53" s="15"/>
      <c r="AEH53" s="15"/>
      <c r="AEI53" s="15"/>
      <c r="AEJ53" s="15"/>
      <c r="AEK53" s="15"/>
      <c r="AEL53" s="15"/>
      <c r="AEM53" s="15"/>
      <c r="AEN53" s="15"/>
      <c r="AEO53" s="15"/>
      <c r="AEP53" s="15"/>
      <c r="AEQ53" s="15"/>
      <c r="AER53" s="15"/>
      <c r="AES53" s="15"/>
      <c r="AET53" s="15"/>
      <c r="AEU53" s="15"/>
      <c r="AEV53" s="15"/>
      <c r="AEW53" s="15"/>
      <c r="AEX53" s="15"/>
      <c r="AEY53" s="15"/>
      <c r="AEZ53" s="15"/>
      <c r="AFA53" s="15"/>
      <c r="AFB53" s="15"/>
      <c r="AFC53" s="15"/>
      <c r="AFD53" s="15"/>
      <c r="AFE53" s="15"/>
      <c r="AFF53" s="15"/>
      <c r="AFG53" s="15"/>
      <c r="AFH53" s="15"/>
      <c r="AFI53" s="15"/>
      <c r="AFJ53" s="15"/>
      <c r="AFK53" s="15"/>
      <c r="AFL53" s="15"/>
      <c r="AFM53" s="15"/>
      <c r="AFN53" s="15"/>
      <c r="AFO53" s="15"/>
      <c r="AFP53" s="15"/>
      <c r="AFQ53" s="15"/>
      <c r="AFR53" s="15"/>
      <c r="AFS53" s="15"/>
      <c r="AFT53" s="15"/>
      <c r="AFU53" s="15"/>
      <c r="AFV53" s="15"/>
      <c r="AFW53" s="15"/>
      <c r="AFX53" s="15"/>
      <c r="AFY53" s="15"/>
      <c r="AFZ53" s="15"/>
      <c r="AGA53" s="15"/>
      <c r="AGB53" s="15"/>
      <c r="AGC53" s="15"/>
      <c r="AGD53" s="15"/>
      <c r="AGE53" s="15"/>
      <c r="AGF53" s="15"/>
      <c r="AGG53" s="15"/>
      <c r="AGH53" s="15"/>
      <c r="AGI53" s="15"/>
      <c r="AGJ53" s="15"/>
      <c r="AGK53" s="15"/>
      <c r="AGL53" s="15"/>
      <c r="AGM53" s="15"/>
      <c r="AGN53" s="15"/>
      <c r="AGO53" s="15"/>
      <c r="AGP53" s="15"/>
      <c r="AGQ53" s="15"/>
      <c r="AGR53" s="15"/>
      <c r="AGS53" s="15"/>
      <c r="AGT53" s="15"/>
      <c r="AGU53" s="15"/>
      <c r="AGV53" s="15"/>
      <c r="AGW53" s="15"/>
      <c r="AGX53" s="15"/>
      <c r="AGY53" s="15"/>
      <c r="AGZ53" s="15"/>
      <c r="AHA53" s="15"/>
      <c r="AHB53" s="15"/>
      <c r="AHC53" s="15"/>
      <c r="AHD53" s="15"/>
      <c r="AHE53" s="15"/>
      <c r="AHF53" s="15"/>
      <c r="AHG53" s="15"/>
      <c r="AHH53" s="15"/>
      <c r="AHI53" s="15"/>
      <c r="AHJ53" s="15"/>
      <c r="AHK53" s="15"/>
      <c r="AHL53" s="15"/>
      <c r="AHM53" s="15"/>
      <c r="AHN53" s="15"/>
      <c r="AHO53" s="15"/>
      <c r="AHP53" s="15"/>
      <c r="AHQ53" s="15"/>
      <c r="AHR53" s="15"/>
      <c r="AHS53" s="15"/>
      <c r="AHT53" s="15"/>
      <c r="AHU53" s="15"/>
      <c r="AHV53" s="15"/>
      <c r="AHW53" s="15"/>
      <c r="AHX53" s="15"/>
      <c r="AHY53" s="15"/>
      <c r="AHZ53" s="15"/>
      <c r="AIA53" s="15"/>
      <c r="AIB53" s="15"/>
      <c r="AIC53" s="15"/>
      <c r="AID53" s="15"/>
      <c r="AIE53" s="15"/>
      <c r="AIF53" s="15"/>
      <c r="AIG53" s="15"/>
      <c r="AIH53" s="15"/>
      <c r="AII53" s="15"/>
      <c r="AIJ53" s="15"/>
      <c r="AIK53" s="15"/>
      <c r="AIL53" s="15"/>
      <c r="AIM53" s="15"/>
      <c r="AIN53" s="15"/>
      <c r="AIO53" s="15"/>
      <c r="AIP53" s="15"/>
      <c r="AIQ53" s="15"/>
      <c r="AIR53" s="15"/>
      <c r="AIS53" s="15"/>
      <c r="AIT53" s="15"/>
      <c r="AIU53" s="15"/>
      <c r="AIV53" s="15"/>
      <c r="AIW53" s="15"/>
      <c r="AIX53" s="15"/>
      <c r="AIY53" s="15"/>
      <c r="AIZ53" s="15"/>
      <c r="AJA53" s="15"/>
      <c r="AJB53" s="15"/>
      <c r="AJC53" s="15"/>
      <c r="AJD53" s="15"/>
      <c r="AJE53" s="15"/>
      <c r="AJF53" s="15"/>
      <c r="AJG53" s="15"/>
      <c r="AJH53" s="15"/>
      <c r="AJI53" s="15"/>
      <c r="AJJ53" s="15"/>
      <c r="AJK53" s="15"/>
      <c r="AJL53" s="15"/>
      <c r="AJM53" s="15"/>
      <c r="AJN53" s="15"/>
      <c r="AJO53" s="15"/>
      <c r="AJP53" s="15"/>
      <c r="AJQ53" s="15"/>
      <c r="AJR53" s="15"/>
      <c r="AJS53" s="15"/>
      <c r="AJT53" s="15"/>
      <c r="AJU53" s="15"/>
      <c r="AJV53" s="15"/>
      <c r="AJW53" s="15"/>
      <c r="AJX53" s="15"/>
      <c r="AJY53" s="15"/>
      <c r="AJZ53" s="15"/>
      <c r="AKA53" s="15"/>
      <c r="AKB53" s="15"/>
      <c r="AKC53" s="15"/>
      <c r="AKD53" s="15"/>
      <c r="AKE53" s="15"/>
      <c r="AKF53" s="15"/>
      <c r="AKG53" s="15"/>
      <c r="AKH53" s="15"/>
      <c r="AKI53" s="15"/>
      <c r="AKJ53" s="15"/>
      <c r="AKK53" s="15"/>
      <c r="AKL53" s="15"/>
      <c r="AKM53" s="15"/>
      <c r="AKN53" s="15"/>
      <c r="AKO53" s="15"/>
      <c r="AKP53" s="15"/>
      <c r="AKQ53" s="15"/>
      <c r="AKR53" s="15"/>
      <c r="AKS53" s="15"/>
      <c r="AKT53" s="15"/>
      <c r="AKU53" s="15"/>
      <c r="AKV53" s="15"/>
      <c r="AKW53" s="15"/>
      <c r="AKX53" s="15"/>
      <c r="AKY53" s="15"/>
      <c r="AKZ53" s="15"/>
      <c r="ALA53" s="15"/>
      <c r="ALB53" s="15"/>
      <c r="ALC53" s="15"/>
      <c r="ALD53" s="15"/>
      <c r="ALE53" s="15"/>
      <c r="ALF53" s="15"/>
      <c r="ALG53" s="15"/>
      <c r="ALH53" s="15"/>
      <c r="ALI53" s="15"/>
      <c r="ALJ53" s="15"/>
      <c r="ALK53" s="15"/>
      <c r="ALL53" s="15"/>
      <c r="ALM53" s="15"/>
      <c r="ALN53" s="15"/>
      <c r="ALO53" s="15"/>
      <c r="ALP53" s="15"/>
      <c r="ALQ53" s="15"/>
      <c r="ALR53" s="15"/>
      <c r="ALS53" s="15"/>
      <c r="ALT53" s="15"/>
      <c r="ALU53" s="15"/>
      <c r="ALV53" s="15"/>
      <c r="ALW53" s="15"/>
      <c r="ALX53" s="15"/>
      <c r="ALY53" s="15"/>
      <c r="ALZ53" s="15"/>
      <c r="AMA53" s="15"/>
      <c r="AMB53" s="15"/>
      <c r="AMC53" s="15"/>
      <c r="AMD53" s="15"/>
      <c r="AME53" s="15"/>
      <c r="AMF53" s="15"/>
      <c r="AMG53" s="15"/>
      <c r="AMH53" s="15"/>
      <c r="AMI53" s="15"/>
      <c r="AMJ53" s="15"/>
      <c r="AMK53" s="15"/>
      <c r="AML53" s="15"/>
      <c r="AMM53" s="15"/>
      <c r="AMN53" s="15"/>
      <c r="AMO53" s="15"/>
      <c r="AMP53" s="15"/>
      <c r="AMQ53" s="15"/>
      <c r="AMR53" s="15"/>
      <c r="AMS53" s="15"/>
      <c r="AMT53" s="15"/>
      <c r="AMU53" s="15"/>
      <c r="AMV53" s="15"/>
      <c r="AMW53" s="15"/>
      <c r="AMX53" s="15"/>
      <c r="AMY53" s="15"/>
      <c r="AMZ53" s="15"/>
      <c r="ANA53" s="15"/>
      <c r="ANB53" s="15"/>
      <c r="ANC53" s="15"/>
      <c r="AND53" s="15"/>
      <c r="ANE53" s="15"/>
      <c r="ANF53" s="15"/>
      <c r="ANG53" s="15"/>
      <c r="ANH53" s="15"/>
      <c r="ANI53" s="15"/>
      <c r="ANJ53" s="15"/>
      <c r="ANK53" s="15"/>
      <c r="ANL53" s="15"/>
      <c r="ANM53" s="15"/>
      <c r="ANN53" s="15"/>
      <c r="ANO53" s="15"/>
      <c r="ANP53" s="15"/>
      <c r="ANQ53" s="15"/>
      <c r="ANR53" s="15"/>
      <c r="ANS53" s="15"/>
      <c r="ANT53" s="15"/>
      <c r="ANU53" s="15"/>
      <c r="ANV53" s="15"/>
      <c r="ANW53" s="15"/>
      <c r="ANX53" s="15"/>
      <c r="ANY53" s="15"/>
      <c r="ANZ53" s="15"/>
      <c r="AOA53" s="15"/>
      <c r="AOB53" s="15"/>
      <c r="AOC53" s="15"/>
      <c r="AOD53" s="15"/>
      <c r="AOE53" s="15"/>
      <c r="AOF53" s="15"/>
      <c r="AOG53" s="15"/>
      <c r="AOH53" s="15"/>
      <c r="AOI53" s="15"/>
      <c r="AOJ53" s="15"/>
      <c r="AOK53" s="15"/>
      <c r="AOL53" s="15"/>
      <c r="AOM53" s="15"/>
      <c r="AON53" s="15"/>
      <c r="AOO53" s="15"/>
      <c r="AOP53" s="15"/>
      <c r="AOQ53" s="15"/>
      <c r="AOR53" s="15"/>
      <c r="AOS53" s="15"/>
      <c r="AOT53" s="15"/>
      <c r="AOU53" s="15"/>
      <c r="AOV53" s="15"/>
      <c r="AOW53" s="15"/>
      <c r="AOX53" s="15"/>
      <c r="AOY53" s="15"/>
      <c r="AOZ53" s="15"/>
      <c r="APA53" s="15"/>
      <c r="APB53" s="15"/>
      <c r="APC53" s="15"/>
      <c r="APD53" s="15"/>
      <c r="APE53" s="15"/>
      <c r="APF53" s="15"/>
      <c r="APG53" s="15"/>
      <c r="APH53" s="15"/>
      <c r="API53" s="15"/>
      <c r="APJ53" s="15"/>
      <c r="APK53" s="15"/>
      <c r="APL53" s="15"/>
      <c r="APM53" s="15"/>
      <c r="APN53" s="15"/>
      <c r="APO53" s="15"/>
      <c r="APP53" s="15"/>
      <c r="APQ53" s="15"/>
      <c r="APR53" s="15"/>
      <c r="APS53" s="15"/>
      <c r="APT53" s="15"/>
      <c r="APU53" s="15"/>
      <c r="APV53" s="15"/>
      <c r="APW53" s="15"/>
      <c r="APX53" s="15"/>
      <c r="APY53" s="15"/>
      <c r="APZ53" s="15"/>
      <c r="AQA53" s="15"/>
      <c r="AQB53" s="15"/>
      <c r="AQC53" s="15"/>
      <c r="AQD53" s="15"/>
      <c r="AQE53" s="15"/>
      <c r="AQF53" s="15"/>
      <c r="AQG53" s="15"/>
      <c r="AQH53" s="15"/>
      <c r="AQI53" s="15"/>
      <c r="AQJ53" s="15"/>
      <c r="AQK53" s="15"/>
      <c r="AQL53" s="15"/>
      <c r="AQM53" s="15"/>
      <c r="AQN53" s="15"/>
      <c r="AQO53" s="15"/>
      <c r="AQP53" s="15"/>
      <c r="AQQ53" s="15"/>
      <c r="AQR53" s="15"/>
      <c r="AQS53" s="15"/>
      <c r="AQT53" s="15"/>
      <c r="AQU53" s="15"/>
      <c r="AQV53" s="15"/>
      <c r="AQW53" s="15"/>
      <c r="AQX53" s="15"/>
      <c r="AQY53" s="15"/>
      <c r="AQZ53" s="15"/>
      <c r="ARA53" s="15"/>
      <c r="ARB53" s="15"/>
      <c r="ARC53" s="15"/>
      <c r="ARD53" s="15"/>
      <c r="ARE53" s="15"/>
      <c r="ARF53" s="15"/>
      <c r="ARG53" s="15"/>
      <c r="ARH53" s="15"/>
      <c r="ARI53" s="15"/>
      <c r="ARJ53" s="15"/>
      <c r="ARK53" s="15"/>
      <c r="ARL53" s="15"/>
      <c r="ARM53" s="15"/>
      <c r="ARN53" s="15"/>
      <c r="ARO53" s="15"/>
      <c r="ARP53" s="15"/>
      <c r="ARQ53" s="15"/>
      <c r="ARR53" s="15"/>
      <c r="ARS53" s="15"/>
      <c r="ART53" s="15"/>
      <c r="ARU53" s="15"/>
      <c r="ARV53" s="15"/>
      <c r="ARW53" s="15"/>
      <c r="ARX53" s="15"/>
      <c r="ARY53" s="15"/>
      <c r="ARZ53" s="15"/>
      <c r="ASA53" s="15"/>
      <c r="ASB53" s="15"/>
      <c r="ASC53" s="15"/>
      <c r="ASD53" s="15"/>
      <c r="ASE53" s="15"/>
      <c r="ASF53" s="15"/>
      <c r="ASG53" s="15"/>
      <c r="ASH53" s="15"/>
      <c r="ASI53" s="15"/>
      <c r="ASJ53" s="15"/>
      <c r="ASK53" s="15"/>
      <c r="ASL53" s="15"/>
      <c r="ASM53" s="15"/>
      <c r="ASN53" s="15"/>
      <c r="ASO53" s="15"/>
      <c r="ASP53" s="15"/>
      <c r="ASQ53" s="15"/>
      <c r="ASR53" s="15"/>
      <c r="ASS53" s="15"/>
      <c r="AST53" s="15"/>
      <c r="ASU53" s="15"/>
      <c r="ASV53" s="15"/>
      <c r="ASW53" s="15"/>
      <c r="ASX53" s="15"/>
      <c r="ASY53" s="15"/>
      <c r="ASZ53" s="15"/>
      <c r="ATA53" s="15"/>
      <c r="ATB53" s="15"/>
      <c r="ATC53" s="15"/>
      <c r="ATD53" s="15"/>
      <c r="ATE53" s="15"/>
      <c r="ATF53" s="15"/>
      <c r="ATG53" s="15"/>
      <c r="ATH53" s="15"/>
      <c r="ATI53" s="15"/>
      <c r="ATJ53" s="15"/>
      <c r="ATK53" s="15"/>
      <c r="ATL53" s="15"/>
      <c r="ATM53" s="15"/>
      <c r="ATN53" s="15"/>
      <c r="ATO53" s="15"/>
      <c r="ATP53" s="15"/>
      <c r="ATQ53" s="15"/>
      <c r="ATR53" s="15"/>
      <c r="ATS53" s="15"/>
      <c r="ATT53" s="15"/>
      <c r="ATU53" s="15"/>
      <c r="ATV53" s="15"/>
      <c r="ATW53" s="15"/>
      <c r="ATX53" s="15"/>
      <c r="ATY53" s="15"/>
      <c r="ATZ53" s="15"/>
      <c r="AUA53" s="15"/>
      <c r="AUB53" s="15"/>
      <c r="AUC53" s="15"/>
      <c r="AUD53" s="15"/>
      <c r="AUE53" s="15"/>
      <c r="AUF53" s="15"/>
      <c r="AUG53" s="15"/>
      <c r="AUH53" s="15"/>
      <c r="AUI53" s="15"/>
      <c r="AUJ53" s="15"/>
      <c r="AUK53" s="15"/>
      <c r="AUL53" s="15"/>
      <c r="AUM53" s="15"/>
      <c r="AUN53" s="15"/>
      <c r="AUO53" s="15"/>
      <c r="AUP53" s="15"/>
      <c r="AUQ53" s="15"/>
      <c r="AUR53" s="15"/>
      <c r="AUS53" s="15"/>
      <c r="AUT53" s="15"/>
      <c r="AUU53" s="15"/>
      <c r="AUV53" s="15"/>
      <c r="AUW53" s="15"/>
      <c r="AUX53" s="15"/>
      <c r="AUY53" s="15"/>
      <c r="AUZ53" s="15"/>
      <c r="AVA53" s="15"/>
      <c r="AVB53" s="15"/>
      <c r="AVC53" s="15"/>
      <c r="AVD53" s="15"/>
      <c r="AVE53" s="15"/>
      <c r="AVF53" s="15"/>
      <c r="AVG53" s="15"/>
      <c r="AVH53" s="15"/>
      <c r="AVI53" s="15"/>
      <c r="AVJ53" s="15"/>
      <c r="AVK53" s="15"/>
      <c r="AVL53" s="15"/>
      <c r="AVM53" s="15"/>
      <c r="AVN53" s="15"/>
      <c r="AVO53" s="15"/>
      <c r="AVP53" s="15"/>
      <c r="AVQ53" s="15"/>
      <c r="AVR53" s="15"/>
      <c r="AVS53" s="15"/>
      <c r="AVT53" s="15"/>
      <c r="AVU53" s="15"/>
      <c r="AVV53" s="15"/>
      <c r="AVW53" s="15"/>
      <c r="AVX53" s="15"/>
      <c r="AVY53" s="15"/>
      <c r="AVZ53" s="15"/>
      <c r="AWA53" s="15"/>
      <c r="AWB53" s="15"/>
      <c r="AWC53" s="15"/>
      <c r="AWD53" s="15"/>
      <c r="AWE53" s="15"/>
      <c r="AWF53" s="15"/>
      <c r="AWG53" s="15"/>
      <c r="AWH53" s="15"/>
      <c r="AWI53" s="15"/>
      <c r="AWJ53" s="15"/>
      <c r="AWK53" s="15"/>
      <c r="AWL53" s="15"/>
      <c r="AWM53" s="15"/>
      <c r="AWN53" s="15"/>
      <c r="AWO53" s="15"/>
      <c r="AWP53" s="15"/>
      <c r="AWQ53" s="15"/>
      <c r="AWR53" s="15"/>
      <c r="AWS53" s="15"/>
      <c r="AWT53" s="15"/>
      <c r="AWU53" s="15"/>
      <c r="AWV53" s="15"/>
      <c r="AWW53" s="15"/>
      <c r="AWX53" s="15"/>
      <c r="AWY53" s="15"/>
      <c r="AWZ53" s="15"/>
      <c r="AXA53" s="15"/>
      <c r="AXB53" s="15"/>
      <c r="AXC53" s="15"/>
      <c r="AXD53" s="15"/>
      <c r="AXE53" s="15"/>
      <c r="AXF53" s="15"/>
      <c r="AXG53" s="15"/>
      <c r="AXH53" s="15"/>
      <c r="AXI53" s="15"/>
      <c r="AXJ53" s="15"/>
      <c r="AXK53" s="15"/>
      <c r="AXL53" s="15"/>
      <c r="AXM53" s="15"/>
      <c r="AXN53" s="15"/>
      <c r="AXO53" s="15"/>
      <c r="AXP53" s="15"/>
      <c r="AXQ53" s="15"/>
      <c r="AXR53" s="15"/>
      <c r="AXS53" s="15"/>
      <c r="AXT53" s="15"/>
      <c r="AXU53" s="15"/>
      <c r="AXV53" s="15"/>
      <c r="AXW53" s="15"/>
      <c r="AXX53" s="15"/>
      <c r="AXY53" s="15"/>
      <c r="AXZ53" s="15"/>
      <c r="AYA53" s="15"/>
      <c r="AYB53" s="15"/>
      <c r="AYC53" s="15"/>
      <c r="AYD53" s="15"/>
      <c r="AYE53" s="15"/>
      <c r="AYF53" s="15"/>
      <c r="AYG53" s="15"/>
      <c r="AYH53" s="15"/>
      <c r="AYI53" s="15"/>
      <c r="AYJ53" s="15"/>
      <c r="AYK53" s="15"/>
      <c r="AYL53" s="15"/>
      <c r="AYM53" s="15"/>
      <c r="AYN53" s="15"/>
      <c r="AYO53" s="15"/>
      <c r="AYP53" s="15"/>
      <c r="AYQ53" s="15"/>
      <c r="AYR53" s="15"/>
      <c r="AYS53" s="15"/>
      <c r="AYT53" s="15"/>
      <c r="AYU53" s="15"/>
      <c r="AYV53" s="15"/>
      <c r="AYW53" s="15"/>
      <c r="AYX53" s="15"/>
      <c r="AYY53" s="15"/>
      <c r="AYZ53" s="15"/>
      <c r="AZA53" s="15"/>
      <c r="AZB53" s="15"/>
      <c r="AZC53" s="15"/>
      <c r="AZD53" s="15"/>
      <c r="AZE53" s="15"/>
      <c r="AZF53" s="15"/>
      <c r="AZG53" s="15"/>
      <c r="AZH53" s="15"/>
      <c r="AZI53" s="15"/>
      <c r="AZJ53" s="15"/>
      <c r="AZK53" s="15"/>
      <c r="AZL53" s="15"/>
      <c r="AZM53" s="15"/>
      <c r="AZN53" s="15"/>
      <c r="AZO53" s="15"/>
      <c r="AZP53" s="15"/>
      <c r="AZQ53" s="15"/>
      <c r="AZR53" s="15"/>
      <c r="AZS53" s="15"/>
      <c r="AZT53" s="15"/>
      <c r="AZU53" s="15"/>
      <c r="AZV53" s="15"/>
      <c r="AZW53" s="15"/>
      <c r="AZX53" s="15"/>
      <c r="AZY53" s="15"/>
      <c r="AZZ53" s="15"/>
      <c r="BAA53" s="15"/>
      <c r="BAB53" s="15"/>
      <c r="BAC53" s="15"/>
      <c r="BAD53" s="15"/>
      <c r="BAE53" s="15"/>
      <c r="BAF53" s="15"/>
      <c r="BAG53" s="15"/>
      <c r="BAH53" s="15"/>
      <c r="BAI53" s="15"/>
      <c r="BAJ53" s="15"/>
      <c r="BAK53" s="15"/>
      <c r="BAL53" s="15"/>
      <c r="BAM53" s="15"/>
      <c r="BAN53" s="15"/>
      <c r="BAO53" s="15"/>
      <c r="BAP53" s="15"/>
      <c r="BAQ53" s="15"/>
      <c r="BAR53" s="15"/>
      <c r="BAS53" s="15"/>
      <c r="BAT53" s="15"/>
      <c r="BAU53" s="15"/>
      <c r="BAV53" s="15"/>
      <c r="BAW53" s="15"/>
      <c r="BAX53" s="15"/>
      <c r="BAY53" s="15"/>
      <c r="BAZ53" s="15"/>
      <c r="BBA53" s="15"/>
      <c r="BBB53" s="15"/>
      <c r="BBC53" s="15"/>
      <c r="BBD53" s="15"/>
      <c r="BBE53" s="15"/>
      <c r="BBF53" s="15"/>
      <c r="BBG53" s="15"/>
      <c r="BBH53" s="15"/>
      <c r="BBI53" s="15"/>
      <c r="BBJ53" s="15"/>
      <c r="BBK53" s="15"/>
      <c r="BBL53" s="15"/>
      <c r="BBM53" s="15"/>
      <c r="BBN53" s="15"/>
    </row>
    <row r="54" spans="1:1418" s="15" customFormat="1" ht="14.25" customHeight="1" x14ac:dyDescent="0.2">
      <c r="A54" s="176" t="s">
        <v>10</v>
      </c>
      <c r="B54" s="34"/>
      <c r="C54" s="133"/>
      <c r="D54" s="134"/>
      <c r="E54" s="35"/>
      <c r="F54" s="35"/>
      <c r="G54" s="35"/>
      <c r="H54" s="35"/>
      <c r="I54" s="35"/>
      <c r="J54" s="36"/>
    </row>
    <row r="55" spans="1:1418" s="40" customFormat="1" ht="22.5" customHeight="1" x14ac:dyDescent="0.2">
      <c r="A55" s="177"/>
      <c r="B55" s="37"/>
      <c r="C55" s="135"/>
      <c r="D55" s="136"/>
      <c r="E55" s="38"/>
      <c r="F55" s="38"/>
      <c r="G55" s="38"/>
      <c r="H55" s="38"/>
      <c r="I55" s="38"/>
      <c r="J55" s="39"/>
      <c r="K55" s="15"/>
      <c r="L55" s="15"/>
      <c r="M55" s="15"/>
      <c r="N55" s="15"/>
      <c r="O55" s="15"/>
      <c r="P55" s="15"/>
      <c r="Q55" s="15"/>
      <c r="R55" s="15"/>
      <c r="S55" s="15"/>
      <c r="T55" s="15"/>
      <c r="U55" s="15"/>
      <c r="V55" s="15"/>
      <c r="W55" s="15"/>
      <c r="X55" s="15"/>
      <c r="Y55" s="15"/>
      <c r="Z55" s="15"/>
      <c r="AA55" s="15"/>
      <c r="AB55" s="15"/>
      <c r="AC55" s="15"/>
      <c r="AD55" s="15"/>
      <c r="AE55" s="15"/>
      <c r="AF55" s="15"/>
      <c r="AG55" s="15"/>
      <c r="AH55" s="15"/>
      <c r="AI55" s="15"/>
      <c r="AJ55" s="15"/>
      <c r="AK55" s="15"/>
      <c r="AL55" s="15"/>
      <c r="AM55" s="15"/>
      <c r="AN55" s="15"/>
      <c r="AO55" s="15"/>
      <c r="AP55" s="15"/>
      <c r="AQ55" s="15"/>
      <c r="AR55" s="15"/>
      <c r="AS55" s="15"/>
      <c r="AT55" s="15"/>
      <c r="AU55" s="15"/>
      <c r="AV55" s="15"/>
      <c r="AW55" s="15"/>
      <c r="AX55" s="15"/>
      <c r="AY55" s="15"/>
      <c r="AZ55" s="15"/>
      <c r="BA55" s="15"/>
      <c r="BB55" s="15"/>
      <c r="BC55" s="15"/>
      <c r="BD55" s="15"/>
      <c r="BE55" s="15"/>
      <c r="BF55" s="15"/>
      <c r="BG55" s="15"/>
      <c r="BH55" s="15"/>
      <c r="BI55" s="15"/>
      <c r="BJ55" s="15"/>
      <c r="BK55" s="15"/>
      <c r="BL55" s="15"/>
      <c r="BM55" s="15"/>
      <c r="BN55" s="15"/>
      <c r="BO55" s="15"/>
      <c r="BP55" s="15"/>
      <c r="BQ55" s="15"/>
      <c r="BR55" s="15"/>
      <c r="BS55" s="15"/>
      <c r="BT55" s="15"/>
      <c r="BU55" s="15"/>
      <c r="BV55" s="15"/>
      <c r="BW55" s="15"/>
      <c r="BX55" s="15"/>
      <c r="BY55" s="15"/>
      <c r="BZ55" s="15"/>
      <c r="CA55" s="15"/>
      <c r="CB55" s="15"/>
      <c r="CC55" s="15"/>
      <c r="CD55" s="15"/>
      <c r="CE55" s="15"/>
      <c r="CF55" s="15"/>
      <c r="CG55" s="15"/>
      <c r="CH55" s="15"/>
      <c r="CI55" s="15"/>
      <c r="CJ55" s="15"/>
      <c r="CK55" s="15"/>
      <c r="CL55" s="15"/>
      <c r="CM55" s="15"/>
      <c r="CN55" s="15"/>
      <c r="CO55" s="15"/>
      <c r="CP55" s="15"/>
      <c r="CQ55" s="15"/>
      <c r="CR55" s="15"/>
      <c r="CS55" s="15"/>
      <c r="CT55" s="15"/>
      <c r="CU55" s="15"/>
      <c r="CV55" s="15"/>
      <c r="CW55" s="15"/>
      <c r="CX55" s="15"/>
      <c r="CY55" s="15"/>
      <c r="CZ55" s="15"/>
      <c r="DA55" s="15"/>
      <c r="DB55" s="15"/>
      <c r="DC55" s="15"/>
      <c r="DD55" s="15"/>
      <c r="DE55" s="15"/>
      <c r="DF55" s="15"/>
      <c r="DG55" s="15"/>
      <c r="DH55" s="15"/>
      <c r="DI55" s="15"/>
      <c r="DJ55" s="15"/>
      <c r="DK55" s="15"/>
      <c r="DL55" s="15"/>
      <c r="DM55" s="15"/>
      <c r="DN55" s="15"/>
      <c r="DO55" s="15"/>
      <c r="DP55" s="15"/>
      <c r="DQ55" s="15"/>
      <c r="DR55" s="15"/>
      <c r="DS55" s="15"/>
      <c r="DT55" s="15"/>
      <c r="DU55" s="15"/>
      <c r="DV55" s="15"/>
      <c r="DW55" s="15"/>
      <c r="DX55" s="15"/>
      <c r="DY55" s="15"/>
      <c r="DZ55" s="15"/>
      <c r="EA55" s="15"/>
      <c r="EB55" s="15"/>
      <c r="EC55" s="15"/>
      <c r="ED55" s="15"/>
      <c r="EE55" s="15"/>
      <c r="EF55" s="15"/>
      <c r="EG55" s="15"/>
      <c r="EH55" s="15"/>
      <c r="EI55" s="15"/>
      <c r="EJ55" s="15"/>
      <c r="EK55" s="15"/>
      <c r="EL55" s="15"/>
      <c r="EM55" s="15"/>
      <c r="EN55" s="15"/>
      <c r="EO55" s="15"/>
      <c r="EP55" s="15"/>
      <c r="EQ55" s="15"/>
      <c r="ER55" s="15"/>
      <c r="ES55" s="15"/>
      <c r="ET55" s="15"/>
      <c r="EU55" s="15"/>
      <c r="EV55" s="15"/>
      <c r="EW55" s="15"/>
      <c r="EX55" s="15"/>
      <c r="EY55" s="15"/>
      <c r="EZ55" s="15"/>
      <c r="FA55" s="15"/>
      <c r="FB55" s="15"/>
      <c r="FC55" s="15"/>
      <c r="FD55" s="15"/>
      <c r="FE55" s="15"/>
      <c r="FF55" s="15"/>
      <c r="FG55" s="15"/>
      <c r="FH55" s="15"/>
      <c r="FI55" s="15"/>
      <c r="FJ55" s="15"/>
      <c r="FK55" s="15"/>
      <c r="FL55" s="15"/>
      <c r="FM55" s="15"/>
      <c r="FN55" s="15"/>
      <c r="FO55" s="15"/>
      <c r="FP55" s="15"/>
      <c r="FQ55" s="15"/>
      <c r="FR55" s="15"/>
      <c r="FS55" s="15"/>
      <c r="FT55" s="15"/>
      <c r="FU55" s="15"/>
      <c r="FV55" s="15"/>
      <c r="FW55" s="15"/>
      <c r="FX55" s="15"/>
      <c r="FY55" s="15"/>
      <c r="FZ55" s="15"/>
      <c r="GA55" s="15"/>
      <c r="GB55" s="15"/>
      <c r="GC55" s="15"/>
      <c r="GD55" s="15"/>
      <c r="GE55" s="15"/>
      <c r="GF55" s="15"/>
      <c r="GG55" s="15"/>
      <c r="GH55" s="15"/>
      <c r="GI55" s="15"/>
      <c r="GJ55" s="15"/>
      <c r="GK55" s="15"/>
      <c r="GL55" s="15"/>
      <c r="GM55" s="15"/>
      <c r="GN55" s="15"/>
      <c r="GO55" s="15"/>
      <c r="GP55" s="15"/>
      <c r="GQ55" s="15"/>
      <c r="GR55" s="15"/>
      <c r="GS55" s="15"/>
      <c r="GT55" s="15"/>
      <c r="GU55" s="15"/>
      <c r="GV55" s="15"/>
      <c r="GW55" s="15"/>
      <c r="GX55" s="15"/>
      <c r="GY55" s="15"/>
      <c r="GZ55" s="15"/>
      <c r="HA55" s="15"/>
      <c r="HB55" s="15"/>
      <c r="HC55" s="15"/>
      <c r="HD55" s="15"/>
      <c r="HE55" s="15"/>
      <c r="HF55" s="15"/>
      <c r="HG55" s="15"/>
      <c r="HH55" s="15"/>
      <c r="HI55" s="15"/>
      <c r="HJ55" s="15"/>
      <c r="HK55" s="15"/>
      <c r="HL55" s="15"/>
      <c r="HM55" s="15"/>
      <c r="HN55" s="15"/>
      <c r="HO55" s="15"/>
      <c r="HP55" s="15"/>
      <c r="HQ55" s="15"/>
      <c r="HR55" s="15"/>
      <c r="HS55" s="15"/>
      <c r="HT55" s="15"/>
      <c r="HU55" s="15"/>
      <c r="HV55" s="15"/>
      <c r="HW55" s="15"/>
      <c r="HX55" s="15"/>
      <c r="HY55" s="15"/>
      <c r="HZ55" s="15"/>
      <c r="IA55" s="15"/>
      <c r="IB55" s="15"/>
      <c r="IC55" s="15"/>
      <c r="ID55" s="15"/>
      <c r="IE55" s="15"/>
      <c r="IF55" s="15"/>
      <c r="IG55" s="15"/>
      <c r="IH55" s="15"/>
      <c r="II55" s="15"/>
      <c r="IJ55" s="15"/>
      <c r="IK55" s="15"/>
      <c r="IL55" s="15"/>
      <c r="IM55" s="15"/>
      <c r="IN55" s="15"/>
      <c r="IO55" s="15"/>
      <c r="IP55" s="15"/>
      <c r="IQ55" s="15"/>
      <c r="IR55" s="15"/>
      <c r="IS55" s="15"/>
      <c r="IT55" s="15"/>
      <c r="IU55" s="15"/>
      <c r="IV55" s="15"/>
      <c r="IW55" s="15"/>
      <c r="IX55" s="15"/>
      <c r="IY55" s="15"/>
      <c r="IZ55" s="15"/>
      <c r="JA55" s="15"/>
      <c r="JB55" s="15"/>
      <c r="JC55" s="15"/>
      <c r="JD55" s="15"/>
      <c r="JE55" s="15"/>
      <c r="JF55" s="15"/>
      <c r="JG55" s="15"/>
      <c r="JH55" s="15"/>
      <c r="JI55" s="15"/>
      <c r="JJ55" s="15"/>
      <c r="JK55" s="15"/>
      <c r="JL55" s="15"/>
      <c r="JM55" s="15"/>
      <c r="JN55" s="15"/>
      <c r="JO55" s="15"/>
      <c r="JP55" s="15"/>
      <c r="JQ55" s="15"/>
      <c r="JR55" s="15"/>
      <c r="JS55" s="15"/>
      <c r="JT55" s="15"/>
      <c r="JU55" s="15"/>
      <c r="JV55" s="15"/>
      <c r="JW55" s="15"/>
      <c r="JX55" s="15"/>
      <c r="JY55" s="15"/>
      <c r="JZ55" s="15"/>
      <c r="KA55" s="15"/>
      <c r="KB55" s="15"/>
      <c r="KC55" s="15"/>
      <c r="KD55" s="15"/>
      <c r="KE55" s="15"/>
      <c r="KF55" s="15"/>
      <c r="KG55" s="15"/>
      <c r="KH55" s="15"/>
      <c r="KI55" s="15"/>
      <c r="KJ55" s="15"/>
      <c r="KK55" s="15"/>
      <c r="KL55" s="15"/>
      <c r="KM55" s="15"/>
      <c r="KN55" s="15"/>
      <c r="KO55" s="15"/>
      <c r="KP55" s="15"/>
      <c r="KQ55" s="15"/>
      <c r="KR55" s="15"/>
      <c r="KS55" s="15"/>
      <c r="KT55" s="15"/>
      <c r="KU55" s="15"/>
      <c r="KV55" s="15"/>
      <c r="KW55" s="15"/>
      <c r="KX55" s="15"/>
      <c r="KY55" s="15"/>
      <c r="KZ55" s="15"/>
      <c r="LA55" s="15"/>
      <c r="LB55" s="15"/>
      <c r="LC55" s="15"/>
      <c r="LD55" s="15"/>
      <c r="LE55" s="15"/>
      <c r="LF55" s="15"/>
      <c r="LG55" s="15"/>
      <c r="LH55" s="15"/>
      <c r="LI55" s="15"/>
      <c r="LJ55" s="15"/>
      <c r="LK55" s="15"/>
      <c r="LL55" s="15"/>
      <c r="LM55" s="15"/>
      <c r="LN55" s="15"/>
      <c r="LO55" s="15"/>
      <c r="LP55" s="15"/>
      <c r="LQ55" s="15"/>
      <c r="LR55" s="15"/>
      <c r="LS55" s="15"/>
      <c r="LT55" s="15"/>
      <c r="LU55" s="15"/>
      <c r="LV55" s="15"/>
      <c r="LW55" s="15"/>
      <c r="LX55" s="15"/>
      <c r="LY55" s="15"/>
      <c r="LZ55" s="15"/>
      <c r="MA55" s="15"/>
      <c r="MB55" s="15"/>
      <c r="MC55" s="15"/>
      <c r="MD55" s="15"/>
      <c r="ME55" s="15"/>
      <c r="MF55" s="15"/>
      <c r="MG55" s="15"/>
      <c r="MH55" s="15"/>
      <c r="MI55" s="15"/>
      <c r="MJ55" s="15"/>
      <c r="MK55" s="15"/>
      <c r="ML55" s="15"/>
      <c r="MM55" s="15"/>
      <c r="MN55" s="15"/>
      <c r="MO55" s="15"/>
      <c r="MP55" s="15"/>
      <c r="MQ55" s="15"/>
      <c r="MR55" s="15"/>
      <c r="MS55" s="15"/>
      <c r="MT55" s="15"/>
      <c r="MU55" s="15"/>
      <c r="MV55" s="15"/>
      <c r="MW55" s="15"/>
      <c r="MX55" s="15"/>
      <c r="MY55" s="15"/>
      <c r="MZ55" s="15"/>
      <c r="NA55" s="15"/>
      <c r="NB55" s="15"/>
      <c r="NC55" s="15"/>
      <c r="ND55" s="15"/>
      <c r="NE55" s="15"/>
      <c r="NF55" s="15"/>
      <c r="NG55" s="15"/>
      <c r="NH55" s="15"/>
      <c r="NI55" s="15"/>
      <c r="NJ55" s="15"/>
      <c r="NK55" s="15"/>
      <c r="NL55" s="15"/>
      <c r="NM55" s="15"/>
      <c r="NN55" s="15"/>
      <c r="NO55" s="15"/>
      <c r="NP55" s="15"/>
      <c r="NQ55" s="15"/>
      <c r="NR55" s="15"/>
      <c r="NS55" s="15"/>
      <c r="NT55" s="15"/>
      <c r="NU55" s="15"/>
      <c r="NV55" s="15"/>
      <c r="NW55" s="15"/>
      <c r="NX55" s="15"/>
      <c r="NY55" s="15"/>
      <c r="NZ55" s="15"/>
      <c r="OA55" s="15"/>
      <c r="OB55" s="15"/>
      <c r="OC55" s="15"/>
      <c r="OD55" s="15"/>
      <c r="OE55" s="15"/>
      <c r="OF55" s="15"/>
      <c r="OG55" s="15"/>
      <c r="OH55" s="15"/>
      <c r="OI55" s="15"/>
      <c r="OJ55" s="15"/>
      <c r="OK55" s="15"/>
      <c r="OL55" s="15"/>
      <c r="OM55" s="15"/>
      <c r="ON55" s="15"/>
      <c r="OO55" s="15"/>
      <c r="OP55" s="15"/>
      <c r="OQ55" s="15"/>
      <c r="OR55" s="15"/>
      <c r="OS55" s="15"/>
      <c r="OT55" s="15"/>
      <c r="OU55" s="15"/>
      <c r="OV55" s="15"/>
      <c r="OW55" s="15"/>
      <c r="OX55" s="15"/>
      <c r="OY55" s="15"/>
      <c r="OZ55" s="15"/>
      <c r="PA55" s="15"/>
      <c r="PB55" s="15"/>
      <c r="PC55" s="15"/>
      <c r="PD55" s="15"/>
      <c r="PE55" s="15"/>
      <c r="PF55" s="15"/>
      <c r="PG55" s="15"/>
      <c r="PH55" s="15"/>
      <c r="PI55" s="15"/>
      <c r="PJ55" s="15"/>
      <c r="PK55" s="15"/>
      <c r="PL55" s="15"/>
      <c r="PM55" s="15"/>
      <c r="PN55" s="15"/>
      <c r="PO55" s="15"/>
      <c r="PP55" s="15"/>
      <c r="PQ55" s="15"/>
      <c r="PR55" s="15"/>
      <c r="PS55" s="15"/>
      <c r="PT55" s="15"/>
      <c r="PU55" s="15"/>
      <c r="PV55" s="15"/>
      <c r="PW55" s="15"/>
      <c r="PX55" s="15"/>
      <c r="PY55" s="15"/>
      <c r="PZ55" s="15"/>
      <c r="QA55" s="15"/>
      <c r="QB55" s="15"/>
      <c r="QC55" s="15"/>
      <c r="QD55" s="15"/>
      <c r="QE55" s="15"/>
      <c r="QF55" s="15"/>
      <c r="QG55" s="15"/>
      <c r="QH55" s="15"/>
      <c r="QI55" s="15"/>
      <c r="QJ55" s="15"/>
      <c r="QK55" s="15"/>
      <c r="QL55" s="15"/>
      <c r="QM55" s="15"/>
      <c r="QN55" s="15"/>
      <c r="QO55" s="15"/>
      <c r="QP55" s="15"/>
      <c r="QQ55" s="15"/>
      <c r="QR55" s="15"/>
      <c r="QS55" s="15"/>
      <c r="QT55" s="15"/>
      <c r="QU55" s="15"/>
      <c r="QV55" s="15"/>
      <c r="QW55" s="15"/>
      <c r="QX55" s="15"/>
      <c r="QY55" s="15"/>
      <c r="QZ55" s="15"/>
      <c r="RA55" s="15"/>
      <c r="RB55" s="15"/>
      <c r="RC55" s="15"/>
      <c r="RD55" s="15"/>
      <c r="RE55" s="15"/>
      <c r="RF55" s="15"/>
      <c r="RG55" s="15"/>
      <c r="RH55" s="15"/>
      <c r="RI55" s="15"/>
      <c r="RJ55" s="15"/>
      <c r="RK55" s="15"/>
      <c r="RL55" s="15"/>
      <c r="RM55" s="15"/>
      <c r="RN55" s="15"/>
      <c r="RO55" s="15"/>
      <c r="RP55" s="15"/>
      <c r="RQ55" s="15"/>
      <c r="RR55" s="15"/>
      <c r="RS55" s="15"/>
      <c r="RT55" s="15"/>
      <c r="RU55" s="15"/>
      <c r="RV55" s="15"/>
      <c r="RW55" s="15"/>
      <c r="RX55" s="15"/>
      <c r="RY55" s="15"/>
      <c r="RZ55" s="15"/>
      <c r="SA55" s="15"/>
      <c r="SB55" s="15"/>
      <c r="SC55" s="15"/>
      <c r="SD55" s="15"/>
      <c r="SE55" s="15"/>
      <c r="SF55" s="15"/>
      <c r="SG55" s="15"/>
      <c r="SH55" s="15"/>
      <c r="SI55" s="15"/>
      <c r="SJ55" s="15"/>
      <c r="SK55" s="15"/>
      <c r="SL55" s="15"/>
      <c r="SM55" s="15"/>
      <c r="SN55" s="15"/>
      <c r="SO55" s="15"/>
      <c r="SP55" s="15"/>
      <c r="SQ55" s="15"/>
      <c r="SR55" s="15"/>
      <c r="SS55" s="15"/>
      <c r="ST55" s="15"/>
      <c r="SU55" s="15"/>
      <c r="SV55" s="15"/>
      <c r="SW55" s="15"/>
      <c r="SX55" s="15"/>
      <c r="SY55" s="15"/>
      <c r="SZ55" s="15"/>
      <c r="TA55" s="15"/>
      <c r="TB55" s="15"/>
      <c r="TC55" s="15"/>
      <c r="TD55" s="15"/>
      <c r="TE55" s="15"/>
      <c r="TF55" s="15"/>
      <c r="TG55" s="15"/>
      <c r="TH55" s="15"/>
      <c r="TI55" s="15"/>
      <c r="TJ55" s="15"/>
      <c r="TK55" s="15"/>
      <c r="TL55" s="15"/>
      <c r="TM55" s="15"/>
      <c r="TN55" s="15"/>
      <c r="TO55" s="15"/>
      <c r="TP55" s="15"/>
      <c r="TQ55" s="15"/>
      <c r="TR55" s="15"/>
      <c r="TS55" s="15"/>
      <c r="TT55" s="15"/>
      <c r="TU55" s="15"/>
      <c r="TV55" s="15"/>
      <c r="TW55" s="15"/>
      <c r="TX55" s="15"/>
      <c r="TY55" s="15"/>
      <c r="TZ55" s="15"/>
      <c r="UA55" s="15"/>
      <c r="UB55" s="15"/>
      <c r="UC55" s="15"/>
      <c r="UD55" s="15"/>
      <c r="UE55" s="15"/>
      <c r="UF55" s="15"/>
      <c r="UG55" s="15"/>
      <c r="UH55" s="15"/>
      <c r="UI55" s="15"/>
      <c r="UJ55" s="15"/>
      <c r="UK55" s="15"/>
      <c r="UL55" s="15"/>
      <c r="UM55" s="15"/>
      <c r="UN55" s="15"/>
      <c r="UO55" s="15"/>
      <c r="UP55" s="15"/>
      <c r="UQ55" s="15"/>
      <c r="UR55" s="15"/>
      <c r="US55" s="15"/>
      <c r="UT55" s="15"/>
      <c r="UU55" s="15"/>
      <c r="UV55" s="15"/>
      <c r="UW55" s="15"/>
      <c r="UX55" s="15"/>
      <c r="UY55" s="15"/>
      <c r="UZ55" s="15"/>
      <c r="VA55" s="15"/>
      <c r="VB55" s="15"/>
      <c r="VC55" s="15"/>
      <c r="VD55" s="15"/>
      <c r="VE55" s="15"/>
      <c r="VF55" s="15"/>
      <c r="VG55" s="15"/>
      <c r="VH55" s="15"/>
      <c r="VI55" s="15"/>
      <c r="VJ55" s="15"/>
      <c r="VK55" s="15"/>
      <c r="VL55" s="15"/>
      <c r="VM55" s="15"/>
      <c r="VN55" s="15"/>
      <c r="VO55" s="15"/>
      <c r="VP55" s="15"/>
      <c r="VQ55" s="15"/>
      <c r="VR55" s="15"/>
      <c r="VS55" s="15"/>
      <c r="VT55" s="15"/>
      <c r="VU55" s="15"/>
      <c r="VV55" s="15"/>
      <c r="VW55" s="15"/>
      <c r="VX55" s="15"/>
      <c r="VY55" s="15"/>
      <c r="VZ55" s="15"/>
      <c r="WA55" s="15"/>
      <c r="WB55" s="15"/>
      <c r="WC55" s="15"/>
      <c r="WD55" s="15"/>
      <c r="WE55" s="15"/>
      <c r="WF55" s="15"/>
      <c r="WG55" s="15"/>
      <c r="WH55" s="15"/>
      <c r="WI55" s="15"/>
      <c r="WJ55" s="15"/>
      <c r="WK55" s="15"/>
      <c r="WL55" s="15"/>
      <c r="WM55" s="15"/>
      <c r="WN55" s="15"/>
      <c r="WO55" s="15"/>
      <c r="WP55" s="15"/>
      <c r="WQ55" s="15"/>
      <c r="WR55" s="15"/>
      <c r="WS55" s="15"/>
      <c r="WT55" s="15"/>
      <c r="WU55" s="15"/>
      <c r="WV55" s="15"/>
      <c r="WW55" s="15"/>
      <c r="WX55" s="15"/>
      <c r="WY55" s="15"/>
      <c r="WZ55" s="15"/>
      <c r="XA55" s="15"/>
      <c r="XB55" s="15"/>
      <c r="XC55" s="15"/>
      <c r="XD55" s="15"/>
      <c r="XE55" s="15"/>
      <c r="XF55" s="15"/>
      <c r="XG55" s="15"/>
      <c r="XH55" s="15"/>
      <c r="XI55" s="15"/>
      <c r="XJ55" s="15"/>
      <c r="XK55" s="15"/>
      <c r="XL55" s="15"/>
      <c r="XM55" s="15"/>
      <c r="XN55" s="15"/>
      <c r="XO55" s="15"/>
      <c r="XP55" s="15"/>
      <c r="XQ55" s="15"/>
      <c r="XR55" s="15"/>
      <c r="XS55" s="15"/>
      <c r="XT55" s="15"/>
      <c r="XU55" s="15"/>
      <c r="XV55" s="15"/>
      <c r="XW55" s="15"/>
      <c r="XX55" s="15"/>
      <c r="XY55" s="15"/>
      <c r="XZ55" s="15"/>
      <c r="YA55" s="15"/>
      <c r="YB55" s="15"/>
      <c r="YC55" s="15"/>
      <c r="YD55" s="15"/>
      <c r="YE55" s="15"/>
      <c r="YF55" s="15"/>
      <c r="YG55" s="15"/>
      <c r="YH55" s="15"/>
      <c r="YI55" s="15"/>
      <c r="YJ55" s="15"/>
      <c r="YK55" s="15"/>
      <c r="YL55" s="15"/>
      <c r="YM55" s="15"/>
      <c r="YN55" s="15"/>
      <c r="YO55" s="15"/>
      <c r="YP55" s="15"/>
      <c r="YQ55" s="15"/>
      <c r="YR55" s="15"/>
      <c r="YS55" s="15"/>
      <c r="YT55" s="15"/>
      <c r="YU55" s="15"/>
      <c r="YV55" s="15"/>
      <c r="YW55" s="15"/>
      <c r="YX55" s="15"/>
      <c r="YY55" s="15"/>
      <c r="YZ55" s="15"/>
      <c r="ZA55" s="15"/>
      <c r="ZB55" s="15"/>
      <c r="ZC55" s="15"/>
      <c r="ZD55" s="15"/>
      <c r="ZE55" s="15"/>
      <c r="ZF55" s="15"/>
      <c r="ZG55" s="15"/>
      <c r="ZH55" s="15"/>
      <c r="ZI55" s="15"/>
      <c r="ZJ55" s="15"/>
      <c r="ZK55" s="15"/>
      <c r="ZL55" s="15"/>
      <c r="ZM55" s="15"/>
      <c r="ZN55" s="15"/>
      <c r="ZO55" s="15"/>
      <c r="ZP55" s="15"/>
      <c r="ZQ55" s="15"/>
      <c r="ZR55" s="15"/>
      <c r="ZS55" s="15"/>
      <c r="ZT55" s="15"/>
      <c r="ZU55" s="15"/>
      <c r="ZV55" s="15"/>
      <c r="ZW55" s="15"/>
      <c r="ZX55" s="15"/>
      <c r="ZY55" s="15"/>
      <c r="ZZ55" s="15"/>
      <c r="AAA55" s="15"/>
      <c r="AAB55" s="15"/>
      <c r="AAC55" s="15"/>
      <c r="AAD55" s="15"/>
      <c r="AAE55" s="15"/>
      <c r="AAF55" s="15"/>
      <c r="AAG55" s="15"/>
      <c r="AAH55" s="15"/>
      <c r="AAI55" s="15"/>
      <c r="AAJ55" s="15"/>
      <c r="AAK55" s="15"/>
      <c r="AAL55" s="15"/>
      <c r="AAM55" s="15"/>
      <c r="AAN55" s="15"/>
      <c r="AAO55" s="15"/>
      <c r="AAP55" s="15"/>
      <c r="AAQ55" s="15"/>
      <c r="AAR55" s="15"/>
      <c r="AAS55" s="15"/>
      <c r="AAT55" s="15"/>
      <c r="AAU55" s="15"/>
      <c r="AAV55" s="15"/>
      <c r="AAW55" s="15"/>
      <c r="AAX55" s="15"/>
      <c r="AAY55" s="15"/>
      <c r="AAZ55" s="15"/>
      <c r="ABA55" s="15"/>
      <c r="ABB55" s="15"/>
      <c r="ABC55" s="15"/>
      <c r="ABD55" s="15"/>
      <c r="ABE55" s="15"/>
      <c r="ABF55" s="15"/>
      <c r="ABG55" s="15"/>
      <c r="ABH55" s="15"/>
      <c r="ABI55" s="15"/>
      <c r="ABJ55" s="15"/>
      <c r="ABK55" s="15"/>
      <c r="ABL55" s="15"/>
      <c r="ABM55" s="15"/>
      <c r="ABN55" s="15"/>
      <c r="ABO55" s="15"/>
      <c r="ABP55" s="15"/>
      <c r="ABQ55" s="15"/>
      <c r="ABR55" s="15"/>
      <c r="ABS55" s="15"/>
      <c r="ABT55" s="15"/>
      <c r="ABU55" s="15"/>
      <c r="ABV55" s="15"/>
      <c r="ABW55" s="15"/>
      <c r="ABX55" s="15"/>
      <c r="ABY55" s="15"/>
      <c r="ABZ55" s="15"/>
      <c r="ACA55" s="15"/>
      <c r="ACB55" s="15"/>
      <c r="ACC55" s="15"/>
      <c r="ACD55" s="15"/>
      <c r="ACE55" s="15"/>
      <c r="ACF55" s="15"/>
      <c r="ACG55" s="15"/>
      <c r="ACH55" s="15"/>
      <c r="ACI55" s="15"/>
      <c r="ACJ55" s="15"/>
      <c r="ACK55" s="15"/>
      <c r="ACL55" s="15"/>
      <c r="ACM55" s="15"/>
      <c r="ACN55" s="15"/>
      <c r="ACO55" s="15"/>
      <c r="ACP55" s="15"/>
      <c r="ACQ55" s="15"/>
      <c r="ACR55" s="15"/>
      <c r="ACS55" s="15"/>
      <c r="ACT55" s="15"/>
      <c r="ACU55" s="15"/>
      <c r="ACV55" s="15"/>
      <c r="ACW55" s="15"/>
      <c r="ACX55" s="15"/>
      <c r="ACY55" s="15"/>
      <c r="ACZ55" s="15"/>
      <c r="ADA55" s="15"/>
      <c r="ADB55" s="15"/>
      <c r="ADC55" s="15"/>
      <c r="ADD55" s="15"/>
      <c r="ADE55" s="15"/>
      <c r="ADF55" s="15"/>
      <c r="ADG55" s="15"/>
      <c r="ADH55" s="15"/>
      <c r="ADI55" s="15"/>
      <c r="ADJ55" s="15"/>
      <c r="ADK55" s="15"/>
      <c r="ADL55" s="15"/>
      <c r="ADM55" s="15"/>
      <c r="ADN55" s="15"/>
      <c r="ADO55" s="15"/>
      <c r="ADP55" s="15"/>
      <c r="ADQ55" s="15"/>
      <c r="ADR55" s="15"/>
      <c r="ADS55" s="15"/>
      <c r="ADT55" s="15"/>
      <c r="ADU55" s="15"/>
      <c r="ADV55" s="15"/>
      <c r="ADW55" s="15"/>
      <c r="ADX55" s="15"/>
      <c r="ADY55" s="15"/>
      <c r="ADZ55" s="15"/>
      <c r="AEA55" s="15"/>
      <c r="AEB55" s="15"/>
      <c r="AEC55" s="15"/>
      <c r="AED55" s="15"/>
      <c r="AEE55" s="15"/>
      <c r="AEF55" s="15"/>
      <c r="AEG55" s="15"/>
      <c r="AEH55" s="15"/>
      <c r="AEI55" s="15"/>
      <c r="AEJ55" s="15"/>
      <c r="AEK55" s="15"/>
      <c r="AEL55" s="15"/>
      <c r="AEM55" s="15"/>
      <c r="AEN55" s="15"/>
      <c r="AEO55" s="15"/>
      <c r="AEP55" s="15"/>
      <c r="AEQ55" s="15"/>
      <c r="AER55" s="15"/>
      <c r="AES55" s="15"/>
      <c r="AET55" s="15"/>
      <c r="AEU55" s="15"/>
      <c r="AEV55" s="15"/>
      <c r="AEW55" s="15"/>
      <c r="AEX55" s="15"/>
      <c r="AEY55" s="15"/>
      <c r="AEZ55" s="15"/>
      <c r="AFA55" s="15"/>
      <c r="AFB55" s="15"/>
      <c r="AFC55" s="15"/>
      <c r="AFD55" s="15"/>
      <c r="AFE55" s="15"/>
      <c r="AFF55" s="15"/>
      <c r="AFG55" s="15"/>
      <c r="AFH55" s="15"/>
      <c r="AFI55" s="15"/>
      <c r="AFJ55" s="15"/>
      <c r="AFK55" s="15"/>
      <c r="AFL55" s="15"/>
      <c r="AFM55" s="15"/>
      <c r="AFN55" s="15"/>
      <c r="AFO55" s="15"/>
      <c r="AFP55" s="15"/>
      <c r="AFQ55" s="15"/>
      <c r="AFR55" s="15"/>
      <c r="AFS55" s="15"/>
      <c r="AFT55" s="15"/>
      <c r="AFU55" s="15"/>
      <c r="AFV55" s="15"/>
      <c r="AFW55" s="15"/>
      <c r="AFX55" s="15"/>
      <c r="AFY55" s="15"/>
      <c r="AFZ55" s="15"/>
      <c r="AGA55" s="15"/>
      <c r="AGB55" s="15"/>
      <c r="AGC55" s="15"/>
      <c r="AGD55" s="15"/>
      <c r="AGE55" s="15"/>
      <c r="AGF55" s="15"/>
      <c r="AGG55" s="15"/>
      <c r="AGH55" s="15"/>
      <c r="AGI55" s="15"/>
      <c r="AGJ55" s="15"/>
      <c r="AGK55" s="15"/>
      <c r="AGL55" s="15"/>
      <c r="AGM55" s="15"/>
      <c r="AGN55" s="15"/>
      <c r="AGO55" s="15"/>
      <c r="AGP55" s="15"/>
      <c r="AGQ55" s="15"/>
      <c r="AGR55" s="15"/>
      <c r="AGS55" s="15"/>
      <c r="AGT55" s="15"/>
      <c r="AGU55" s="15"/>
      <c r="AGV55" s="15"/>
      <c r="AGW55" s="15"/>
      <c r="AGX55" s="15"/>
      <c r="AGY55" s="15"/>
      <c r="AGZ55" s="15"/>
      <c r="AHA55" s="15"/>
      <c r="AHB55" s="15"/>
      <c r="AHC55" s="15"/>
      <c r="AHD55" s="15"/>
      <c r="AHE55" s="15"/>
      <c r="AHF55" s="15"/>
      <c r="AHG55" s="15"/>
      <c r="AHH55" s="15"/>
      <c r="AHI55" s="15"/>
      <c r="AHJ55" s="15"/>
      <c r="AHK55" s="15"/>
      <c r="AHL55" s="15"/>
      <c r="AHM55" s="15"/>
      <c r="AHN55" s="15"/>
      <c r="AHO55" s="15"/>
      <c r="AHP55" s="15"/>
      <c r="AHQ55" s="15"/>
      <c r="AHR55" s="15"/>
      <c r="AHS55" s="15"/>
      <c r="AHT55" s="15"/>
      <c r="AHU55" s="15"/>
      <c r="AHV55" s="15"/>
      <c r="AHW55" s="15"/>
      <c r="AHX55" s="15"/>
      <c r="AHY55" s="15"/>
      <c r="AHZ55" s="15"/>
      <c r="AIA55" s="15"/>
      <c r="AIB55" s="15"/>
      <c r="AIC55" s="15"/>
      <c r="AID55" s="15"/>
      <c r="AIE55" s="15"/>
      <c r="AIF55" s="15"/>
      <c r="AIG55" s="15"/>
      <c r="AIH55" s="15"/>
      <c r="AII55" s="15"/>
      <c r="AIJ55" s="15"/>
      <c r="AIK55" s="15"/>
      <c r="AIL55" s="15"/>
      <c r="AIM55" s="15"/>
      <c r="AIN55" s="15"/>
      <c r="AIO55" s="15"/>
      <c r="AIP55" s="15"/>
      <c r="AIQ55" s="15"/>
      <c r="AIR55" s="15"/>
      <c r="AIS55" s="15"/>
      <c r="AIT55" s="15"/>
      <c r="AIU55" s="15"/>
      <c r="AIV55" s="15"/>
      <c r="AIW55" s="15"/>
      <c r="AIX55" s="15"/>
      <c r="AIY55" s="15"/>
      <c r="AIZ55" s="15"/>
      <c r="AJA55" s="15"/>
      <c r="AJB55" s="15"/>
      <c r="AJC55" s="15"/>
      <c r="AJD55" s="15"/>
      <c r="AJE55" s="15"/>
      <c r="AJF55" s="15"/>
      <c r="AJG55" s="15"/>
      <c r="AJH55" s="15"/>
      <c r="AJI55" s="15"/>
      <c r="AJJ55" s="15"/>
      <c r="AJK55" s="15"/>
      <c r="AJL55" s="15"/>
      <c r="AJM55" s="15"/>
      <c r="AJN55" s="15"/>
      <c r="AJO55" s="15"/>
      <c r="AJP55" s="15"/>
      <c r="AJQ55" s="15"/>
      <c r="AJR55" s="15"/>
      <c r="AJS55" s="15"/>
      <c r="AJT55" s="15"/>
      <c r="AJU55" s="15"/>
      <c r="AJV55" s="15"/>
      <c r="AJW55" s="15"/>
      <c r="AJX55" s="15"/>
      <c r="AJY55" s="15"/>
      <c r="AJZ55" s="15"/>
      <c r="AKA55" s="15"/>
      <c r="AKB55" s="15"/>
      <c r="AKC55" s="15"/>
      <c r="AKD55" s="15"/>
      <c r="AKE55" s="15"/>
      <c r="AKF55" s="15"/>
      <c r="AKG55" s="15"/>
      <c r="AKH55" s="15"/>
      <c r="AKI55" s="15"/>
      <c r="AKJ55" s="15"/>
      <c r="AKK55" s="15"/>
      <c r="AKL55" s="15"/>
      <c r="AKM55" s="15"/>
      <c r="AKN55" s="15"/>
      <c r="AKO55" s="15"/>
      <c r="AKP55" s="15"/>
      <c r="AKQ55" s="15"/>
      <c r="AKR55" s="15"/>
      <c r="AKS55" s="15"/>
      <c r="AKT55" s="15"/>
      <c r="AKU55" s="15"/>
      <c r="AKV55" s="15"/>
      <c r="AKW55" s="15"/>
      <c r="AKX55" s="15"/>
      <c r="AKY55" s="15"/>
      <c r="AKZ55" s="15"/>
      <c r="ALA55" s="15"/>
      <c r="ALB55" s="15"/>
      <c r="ALC55" s="15"/>
      <c r="ALD55" s="15"/>
      <c r="ALE55" s="15"/>
      <c r="ALF55" s="15"/>
      <c r="ALG55" s="15"/>
      <c r="ALH55" s="15"/>
      <c r="ALI55" s="15"/>
      <c r="ALJ55" s="15"/>
      <c r="ALK55" s="15"/>
      <c r="ALL55" s="15"/>
      <c r="ALM55" s="15"/>
      <c r="ALN55" s="15"/>
      <c r="ALO55" s="15"/>
      <c r="ALP55" s="15"/>
      <c r="ALQ55" s="15"/>
      <c r="ALR55" s="15"/>
      <c r="ALS55" s="15"/>
      <c r="ALT55" s="15"/>
      <c r="ALU55" s="15"/>
      <c r="ALV55" s="15"/>
      <c r="ALW55" s="15"/>
      <c r="ALX55" s="15"/>
      <c r="ALY55" s="15"/>
      <c r="ALZ55" s="15"/>
      <c r="AMA55" s="15"/>
      <c r="AMB55" s="15"/>
      <c r="AMC55" s="15"/>
      <c r="AMD55" s="15"/>
      <c r="AME55" s="15"/>
      <c r="AMF55" s="15"/>
      <c r="AMG55" s="15"/>
      <c r="AMH55" s="15"/>
      <c r="AMI55" s="15"/>
      <c r="AMJ55" s="15"/>
      <c r="AMK55" s="15"/>
      <c r="AML55" s="15"/>
      <c r="AMM55" s="15"/>
      <c r="AMN55" s="15"/>
      <c r="AMO55" s="15"/>
      <c r="AMP55" s="15"/>
      <c r="AMQ55" s="15"/>
      <c r="AMR55" s="15"/>
      <c r="AMS55" s="15"/>
      <c r="AMT55" s="15"/>
      <c r="AMU55" s="15"/>
      <c r="AMV55" s="15"/>
      <c r="AMW55" s="15"/>
      <c r="AMX55" s="15"/>
      <c r="AMY55" s="15"/>
      <c r="AMZ55" s="15"/>
      <c r="ANA55" s="15"/>
      <c r="ANB55" s="15"/>
      <c r="ANC55" s="15"/>
      <c r="AND55" s="15"/>
      <c r="ANE55" s="15"/>
      <c r="ANF55" s="15"/>
      <c r="ANG55" s="15"/>
      <c r="ANH55" s="15"/>
      <c r="ANI55" s="15"/>
      <c r="ANJ55" s="15"/>
      <c r="ANK55" s="15"/>
      <c r="ANL55" s="15"/>
      <c r="ANM55" s="15"/>
      <c r="ANN55" s="15"/>
      <c r="ANO55" s="15"/>
      <c r="ANP55" s="15"/>
      <c r="ANQ55" s="15"/>
      <c r="ANR55" s="15"/>
      <c r="ANS55" s="15"/>
      <c r="ANT55" s="15"/>
      <c r="ANU55" s="15"/>
      <c r="ANV55" s="15"/>
      <c r="ANW55" s="15"/>
      <c r="ANX55" s="15"/>
      <c r="ANY55" s="15"/>
      <c r="ANZ55" s="15"/>
      <c r="AOA55" s="15"/>
      <c r="AOB55" s="15"/>
      <c r="AOC55" s="15"/>
      <c r="AOD55" s="15"/>
      <c r="AOE55" s="15"/>
      <c r="AOF55" s="15"/>
      <c r="AOG55" s="15"/>
      <c r="AOH55" s="15"/>
      <c r="AOI55" s="15"/>
      <c r="AOJ55" s="15"/>
      <c r="AOK55" s="15"/>
      <c r="AOL55" s="15"/>
      <c r="AOM55" s="15"/>
      <c r="AON55" s="15"/>
      <c r="AOO55" s="15"/>
      <c r="AOP55" s="15"/>
      <c r="AOQ55" s="15"/>
      <c r="AOR55" s="15"/>
      <c r="AOS55" s="15"/>
      <c r="AOT55" s="15"/>
      <c r="AOU55" s="15"/>
      <c r="AOV55" s="15"/>
      <c r="AOW55" s="15"/>
      <c r="AOX55" s="15"/>
      <c r="AOY55" s="15"/>
      <c r="AOZ55" s="15"/>
      <c r="APA55" s="15"/>
      <c r="APB55" s="15"/>
      <c r="APC55" s="15"/>
      <c r="APD55" s="15"/>
      <c r="APE55" s="15"/>
      <c r="APF55" s="15"/>
      <c r="APG55" s="15"/>
      <c r="APH55" s="15"/>
      <c r="API55" s="15"/>
      <c r="APJ55" s="15"/>
      <c r="APK55" s="15"/>
      <c r="APL55" s="15"/>
      <c r="APM55" s="15"/>
      <c r="APN55" s="15"/>
      <c r="APO55" s="15"/>
      <c r="APP55" s="15"/>
      <c r="APQ55" s="15"/>
      <c r="APR55" s="15"/>
      <c r="APS55" s="15"/>
      <c r="APT55" s="15"/>
      <c r="APU55" s="15"/>
      <c r="APV55" s="15"/>
      <c r="APW55" s="15"/>
      <c r="APX55" s="15"/>
      <c r="APY55" s="15"/>
      <c r="APZ55" s="15"/>
      <c r="AQA55" s="15"/>
      <c r="AQB55" s="15"/>
      <c r="AQC55" s="15"/>
      <c r="AQD55" s="15"/>
      <c r="AQE55" s="15"/>
      <c r="AQF55" s="15"/>
      <c r="AQG55" s="15"/>
      <c r="AQH55" s="15"/>
      <c r="AQI55" s="15"/>
      <c r="AQJ55" s="15"/>
      <c r="AQK55" s="15"/>
      <c r="AQL55" s="15"/>
      <c r="AQM55" s="15"/>
      <c r="AQN55" s="15"/>
      <c r="AQO55" s="15"/>
      <c r="AQP55" s="15"/>
      <c r="AQQ55" s="15"/>
      <c r="AQR55" s="15"/>
      <c r="AQS55" s="15"/>
      <c r="AQT55" s="15"/>
      <c r="AQU55" s="15"/>
      <c r="AQV55" s="15"/>
      <c r="AQW55" s="15"/>
      <c r="AQX55" s="15"/>
      <c r="AQY55" s="15"/>
      <c r="AQZ55" s="15"/>
      <c r="ARA55" s="15"/>
      <c r="ARB55" s="15"/>
      <c r="ARC55" s="15"/>
      <c r="ARD55" s="15"/>
      <c r="ARE55" s="15"/>
      <c r="ARF55" s="15"/>
      <c r="ARG55" s="15"/>
      <c r="ARH55" s="15"/>
      <c r="ARI55" s="15"/>
      <c r="ARJ55" s="15"/>
      <c r="ARK55" s="15"/>
      <c r="ARL55" s="15"/>
      <c r="ARM55" s="15"/>
      <c r="ARN55" s="15"/>
      <c r="ARO55" s="15"/>
      <c r="ARP55" s="15"/>
      <c r="ARQ55" s="15"/>
      <c r="ARR55" s="15"/>
      <c r="ARS55" s="15"/>
      <c r="ART55" s="15"/>
      <c r="ARU55" s="15"/>
      <c r="ARV55" s="15"/>
      <c r="ARW55" s="15"/>
      <c r="ARX55" s="15"/>
      <c r="ARY55" s="15"/>
      <c r="ARZ55" s="15"/>
      <c r="ASA55" s="15"/>
      <c r="ASB55" s="15"/>
      <c r="ASC55" s="15"/>
      <c r="ASD55" s="15"/>
      <c r="ASE55" s="15"/>
      <c r="ASF55" s="15"/>
      <c r="ASG55" s="15"/>
      <c r="ASH55" s="15"/>
      <c r="ASI55" s="15"/>
      <c r="ASJ55" s="15"/>
      <c r="ASK55" s="15"/>
      <c r="ASL55" s="15"/>
      <c r="ASM55" s="15"/>
      <c r="ASN55" s="15"/>
      <c r="ASO55" s="15"/>
      <c r="ASP55" s="15"/>
      <c r="ASQ55" s="15"/>
      <c r="ASR55" s="15"/>
      <c r="ASS55" s="15"/>
      <c r="AST55" s="15"/>
      <c r="ASU55" s="15"/>
      <c r="ASV55" s="15"/>
      <c r="ASW55" s="15"/>
      <c r="ASX55" s="15"/>
      <c r="ASY55" s="15"/>
      <c r="ASZ55" s="15"/>
      <c r="ATA55" s="15"/>
      <c r="ATB55" s="15"/>
      <c r="ATC55" s="15"/>
      <c r="ATD55" s="15"/>
      <c r="ATE55" s="15"/>
      <c r="ATF55" s="15"/>
      <c r="ATG55" s="15"/>
      <c r="ATH55" s="15"/>
      <c r="ATI55" s="15"/>
      <c r="ATJ55" s="15"/>
      <c r="ATK55" s="15"/>
      <c r="ATL55" s="15"/>
      <c r="ATM55" s="15"/>
      <c r="ATN55" s="15"/>
      <c r="ATO55" s="15"/>
      <c r="ATP55" s="15"/>
      <c r="ATQ55" s="15"/>
      <c r="ATR55" s="15"/>
      <c r="ATS55" s="15"/>
      <c r="ATT55" s="15"/>
      <c r="ATU55" s="15"/>
      <c r="ATV55" s="15"/>
      <c r="ATW55" s="15"/>
      <c r="ATX55" s="15"/>
      <c r="ATY55" s="15"/>
      <c r="ATZ55" s="15"/>
      <c r="AUA55" s="15"/>
      <c r="AUB55" s="15"/>
      <c r="AUC55" s="15"/>
      <c r="AUD55" s="15"/>
      <c r="AUE55" s="15"/>
      <c r="AUF55" s="15"/>
      <c r="AUG55" s="15"/>
      <c r="AUH55" s="15"/>
      <c r="AUI55" s="15"/>
      <c r="AUJ55" s="15"/>
      <c r="AUK55" s="15"/>
      <c r="AUL55" s="15"/>
      <c r="AUM55" s="15"/>
      <c r="AUN55" s="15"/>
      <c r="AUO55" s="15"/>
      <c r="AUP55" s="15"/>
      <c r="AUQ55" s="15"/>
      <c r="AUR55" s="15"/>
      <c r="AUS55" s="15"/>
      <c r="AUT55" s="15"/>
      <c r="AUU55" s="15"/>
      <c r="AUV55" s="15"/>
      <c r="AUW55" s="15"/>
      <c r="AUX55" s="15"/>
      <c r="AUY55" s="15"/>
      <c r="AUZ55" s="15"/>
      <c r="AVA55" s="15"/>
      <c r="AVB55" s="15"/>
      <c r="AVC55" s="15"/>
      <c r="AVD55" s="15"/>
      <c r="AVE55" s="15"/>
      <c r="AVF55" s="15"/>
      <c r="AVG55" s="15"/>
      <c r="AVH55" s="15"/>
      <c r="AVI55" s="15"/>
      <c r="AVJ55" s="15"/>
      <c r="AVK55" s="15"/>
      <c r="AVL55" s="15"/>
      <c r="AVM55" s="15"/>
      <c r="AVN55" s="15"/>
      <c r="AVO55" s="15"/>
      <c r="AVP55" s="15"/>
      <c r="AVQ55" s="15"/>
      <c r="AVR55" s="15"/>
      <c r="AVS55" s="15"/>
      <c r="AVT55" s="15"/>
      <c r="AVU55" s="15"/>
      <c r="AVV55" s="15"/>
      <c r="AVW55" s="15"/>
      <c r="AVX55" s="15"/>
      <c r="AVY55" s="15"/>
      <c r="AVZ55" s="15"/>
      <c r="AWA55" s="15"/>
      <c r="AWB55" s="15"/>
      <c r="AWC55" s="15"/>
      <c r="AWD55" s="15"/>
      <c r="AWE55" s="15"/>
      <c r="AWF55" s="15"/>
      <c r="AWG55" s="15"/>
      <c r="AWH55" s="15"/>
      <c r="AWI55" s="15"/>
      <c r="AWJ55" s="15"/>
      <c r="AWK55" s="15"/>
      <c r="AWL55" s="15"/>
      <c r="AWM55" s="15"/>
      <c r="AWN55" s="15"/>
      <c r="AWO55" s="15"/>
      <c r="AWP55" s="15"/>
      <c r="AWQ55" s="15"/>
      <c r="AWR55" s="15"/>
      <c r="AWS55" s="15"/>
      <c r="AWT55" s="15"/>
      <c r="AWU55" s="15"/>
      <c r="AWV55" s="15"/>
      <c r="AWW55" s="15"/>
      <c r="AWX55" s="15"/>
      <c r="AWY55" s="15"/>
      <c r="AWZ55" s="15"/>
      <c r="AXA55" s="15"/>
      <c r="AXB55" s="15"/>
      <c r="AXC55" s="15"/>
      <c r="AXD55" s="15"/>
      <c r="AXE55" s="15"/>
      <c r="AXF55" s="15"/>
      <c r="AXG55" s="15"/>
      <c r="AXH55" s="15"/>
      <c r="AXI55" s="15"/>
      <c r="AXJ55" s="15"/>
      <c r="AXK55" s="15"/>
      <c r="AXL55" s="15"/>
      <c r="AXM55" s="15"/>
      <c r="AXN55" s="15"/>
      <c r="AXO55" s="15"/>
      <c r="AXP55" s="15"/>
      <c r="AXQ55" s="15"/>
      <c r="AXR55" s="15"/>
      <c r="AXS55" s="15"/>
      <c r="AXT55" s="15"/>
      <c r="AXU55" s="15"/>
      <c r="AXV55" s="15"/>
      <c r="AXW55" s="15"/>
      <c r="AXX55" s="15"/>
      <c r="AXY55" s="15"/>
      <c r="AXZ55" s="15"/>
      <c r="AYA55" s="15"/>
      <c r="AYB55" s="15"/>
      <c r="AYC55" s="15"/>
      <c r="AYD55" s="15"/>
      <c r="AYE55" s="15"/>
      <c r="AYF55" s="15"/>
      <c r="AYG55" s="15"/>
      <c r="AYH55" s="15"/>
      <c r="AYI55" s="15"/>
      <c r="AYJ55" s="15"/>
      <c r="AYK55" s="15"/>
      <c r="AYL55" s="15"/>
      <c r="AYM55" s="15"/>
      <c r="AYN55" s="15"/>
      <c r="AYO55" s="15"/>
      <c r="AYP55" s="15"/>
      <c r="AYQ55" s="15"/>
      <c r="AYR55" s="15"/>
      <c r="AYS55" s="15"/>
      <c r="AYT55" s="15"/>
      <c r="AYU55" s="15"/>
      <c r="AYV55" s="15"/>
      <c r="AYW55" s="15"/>
      <c r="AYX55" s="15"/>
      <c r="AYY55" s="15"/>
      <c r="AYZ55" s="15"/>
      <c r="AZA55" s="15"/>
      <c r="AZB55" s="15"/>
      <c r="AZC55" s="15"/>
      <c r="AZD55" s="15"/>
      <c r="AZE55" s="15"/>
      <c r="AZF55" s="15"/>
      <c r="AZG55" s="15"/>
      <c r="AZH55" s="15"/>
      <c r="AZI55" s="15"/>
      <c r="AZJ55" s="15"/>
      <c r="AZK55" s="15"/>
      <c r="AZL55" s="15"/>
      <c r="AZM55" s="15"/>
      <c r="AZN55" s="15"/>
      <c r="AZO55" s="15"/>
      <c r="AZP55" s="15"/>
      <c r="AZQ55" s="15"/>
      <c r="AZR55" s="15"/>
      <c r="AZS55" s="15"/>
      <c r="AZT55" s="15"/>
      <c r="AZU55" s="15"/>
      <c r="AZV55" s="15"/>
      <c r="AZW55" s="15"/>
      <c r="AZX55" s="15"/>
      <c r="AZY55" s="15"/>
      <c r="AZZ55" s="15"/>
      <c r="BAA55" s="15"/>
      <c r="BAB55" s="15"/>
      <c r="BAC55" s="15"/>
      <c r="BAD55" s="15"/>
      <c r="BAE55" s="15"/>
      <c r="BAF55" s="15"/>
      <c r="BAG55" s="15"/>
      <c r="BAH55" s="15"/>
      <c r="BAI55" s="15"/>
      <c r="BAJ55" s="15"/>
      <c r="BAK55" s="15"/>
      <c r="BAL55" s="15"/>
      <c r="BAM55" s="15"/>
      <c r="BAN55" s="15"/>
      <c r="BAO55" s="15"/>
      <c r="BAP55" s="15"/>
      <c r="BAQ55" s="15"/>
      <c r="BAR55" s="15"/>
      <c r="BAS55" s="15"/>
      <c r="BAT55" s="15"/>
      <c r="BAU55" s="15"/>
      <c r="BAV55" s="15"/>
      <c r="BAW55" s="15"/>
      <c r="BAX55" s="15"/>
      <c r="BAY55" s="15"/>
      <c r="BAZ55" s="15"/>
      <c r="BBA55" s="15"/>
      <c r="BBB55" s="15"/>
      <c r="BBC55" s="15"/>
      <c r="BBD55" s="15"/>
      <c r="BBE55" s="15"/>
      <c r="BBF55" s="15"/>
      <c r="BBG55" s="15"/>
      <c r="BBH55" s="15"/>
      <c r="BBI55" s="15"/>
      <c r="BBJ55" s="15"/>
      <c r="BBK55" s="15"/>
      <c r="BBL55" s="15"/>
      <c r="BBM55" s="15"/>
      <c r="BBN55" s="15"/>
    </row>
    <row r="56" spans="1:1418" ht="21" customHeight="1" x14ac:dyDescent="0.2">
      <c r="A56" s="41" t="s">
        <v>61</v>
      </c>
      <c r="B56" s="42"/>
      <c r="C56" s="117"/>
      <c r="D56" s="118"/>
      <c r="E56" s="42"/>
      <c r="F56" s="42"/>
      <c r="G56" s="42"/>
      <c r="H56" s="42"/>
      <c r="I56" s="42"/>
      <c r="J56" s="43"/>
    </row>
    <row r="57" spans="1:1418" ht="21" customHeight="1" thickBot="1" x14ac:dyDescent="0.25">
      <c r="A57" s="41" t="s">
        <v>60</v>
      </c>
      <c r="B57" s="44"/>
      <c r="C57" s="119"/>
      <c r="D57" s="120"/>
      <c r="E57" s="44"/>
      <c r="F57" s="44"/>
      <c r="G57" s="44"/>
      <c r="H57" s="44"/>
      <c r="I57" s="44"/>
      <c r="J57" s="45"/>
    </row>
    <row r="58" spans="1:1418" ht="22.5" customHeight="1" thickTop="1" thickBot="1" x14ac:dyDescent="0.25">
      <c r="A58" s="46" t="s">
        <v>35</v>
      </c>
      <c r="B58" s="47"/>
      <c r="C58" s="121"/>
      <c r="D58" s="122"/>
      <c r="E58" s="47"/>
      <c r="F58" s="47"/>
      <c r="G58" s="47"/>
      <c r="H58" s="47"/>
      <c r="I58" s="47"/>
      <c r="J58" s="48"/>
    </row>
    <row r="59" spans="1:1418" s="52" customFormat="1" ht="23.25" customHeight="1" thickBot="1" x14ac:dyDescent="0.25">
      <c r="A59" s="75" t="s">
        <v>3</v>
      </c>
      <c r="B59" s="76"/>
      <c r="C59" s="123"/>
      <c r="D59" s="124"/>
      <c r="E59" s="76"/>
      <c r="F59" s="76"/>
      <c r="G59" s="76"/>
      <c r="H59" s="76"/>
      <c r="I59" s="76"/>
      <c r="J59" s="77"/>
      <c r="K59" s="15"/>
      <c r="L59" s="15"/>
      <c r="M59" s="15"/>
      <c r="N59" s="15"/>
      <c r="O59" s="15"/>
      <c r="P59" s="15"/>
      <c r="Q59" s="15"/>
      <c r="R59" s="15"/>
      <c r="S59" s="15"/>
      <c r="T59" s="15"/>
      <c r="U59" s="15"/>
      <c r="V59" s="15"/>
      <c r="W59" s="15"/>
      <c r="X59" s="15"/>
      <c r="Y59" s="15"/>
      <c r="Z59" s="15"/>
      <c r="AA59" s="15"/>
      <c r="AB59" s="15"/>
      <c r="AC59" s="15"/>
      <c r="AD59" s="15"/>
      <c r="AE59" s="15"/>
      <c r="AF59" s="15"/>
      <c r="AG59" s="15"/>
      <c r="AH59" s="15"/>
      <c r="AI59" s="15"/>
      <c r="AJ59" s="15"/>
      <c r="AK59" s="15"/>
      <c r="AL59" s="15"/>
      <c r="AM59" s="15"/>
      <c r="AN59" s="15"/>
      <c r="AO59" s="15"/>
      <c r="AP59" s="15"/>
      <c r="AQ59" s="15"/>
      <c r="AR59" s="15"/>
      <c r="AS59" s="15"/>
      <c r="AT59" s="15"/>
      <c r="AU59" s="15"/>
      <c r="AV59" s="15"/>
      <c r="AW59" s="15"/>
      <c r="AX59" s="15"/>
      <c r="AY59" s="15"/>
      <c r="AZ59" s="15"/>
      <c r="BA59" s="15"/>
      <c r="BB59" s="15"/>
      <c r="BC59" s="15"/>
      <c r="BD59" s="15"/>
      <c r="BE59" s="15"/>
      <c r="BF59" s="15"/>
      <c r="BG59" s="15"/>
      <c r="BH59" s="15"/>
      <c r="BI59" s="15"/>
      <c r="BJ59" s="15"/>
      <c r="BK59" s="15"/>
      <c r="BL59" s="15"/>
      <c r="BM59" s="15"/>
      <c r="BN59" s="15"/>
      <c r="BO59" s="15"/>
      <c r="BP59" s="15"/>
      <c r="BQ59" s="15"/>
      <c r="BR59" s="15"/>
      <c r="BS59" s="15"/>
      <c r="BT59" s="15"/>
      <c r="BU59" s="15"/>
      <c r="BV59" s="15"/>
      <c r="BW59" s="15"/>
      <c r="BX59" s="15"/>
      <c r="BY59" s="15"/>
      <c r="BZ59" s="15"/>
      <c r="CA59" s="15"/>
      <c r="CB59" s="15"/>
      <c r="CC59" s="15"/>
      <c r="CD59" s="15"/>
      <c r="CE59" s="15"/>
      <c r="CF59" s="15"/>
      <c r="CG59" s="15"/>
      <c r="CH59" s="15"/>
      <c r="CI59" s="15"/>
      <c r="CJ59" s="15"/>
      <c r="CK59" s="15"/>
      <c r="CL59" s="15"/>
      <c r="CM59" s="15"/>
      <c r="CN59" s="15"/>
      <c r="CO59" s="15"/>
      <c r="CP59" s="15"/>
      <c r="CQ59" s="15"/>
      <c r="CR59" s="15"/>
      <c r="CS59" s="15"/>
      <c r="CT59" s="15"/>
      <c r="CU59" s="15"/>
      <c r="CV59" s="15"/>
      <c r="CW59" s="15"/>
      <c r="CX59" s="15"/>
      <c r="CY59" s="15"/>
      <c r="CZ59" s="15"/>
      <c r="DA59" s="15"/>
      <c r="DB59" s="15"/>
      <c r="DC59" s="15"/>
      <c r="DD59" s="15"/>
      <c r="DE59" s="15"/>
      <c r="DF59" s="15"/>
      <c r="DG59" s="15"/>
      <c r="DH59" s="15"/>
      <c r="DI59" s="15"/>
      <c r="DJ59" s="15"/>
      <c r="DK59" s="15"/>
      <c r="DL59" s="15"/>
      <c r="DM59" s="15"/>
      <c r="DN59" s="15"/>
      <c r="DO59" s="15"/>
      <c r="DP59" s="15"/>
      <c r="DQ59" s="15"/>
      <c r="DR59" s="15"/>
      <c r="DS59" s="15"/>
      <c r="DT59" s="15"/>
      <c r="DU59" s="15"/>
      <c r="DV59" s="15"/>
      <c r="DW59" s="15"/>
      <c r="DX59" s="15"/>
      <c r="DY59" s="15"/>
      <c r="DZ59" s="15"/>
      <c r="EA59" s="15"/>
      <c r="EB59" s="15"/>
      <c r="EC59" s="15"/>
      <c r="ED59" s="15"/>
      <c r="EE59" s="15"/>
      <c r="EF59" s="15"/>
      <c r="EG59" s="15"/>
      <c r="EH59" s="15"/>
      <c r="EI59" s="15"/>
      <c r="EJ59" s="15"/>
      <c r="EK59" s="15"/>
      <c r="EL59" s="15"/>
      <c r="EM59" s="15"/>
      <c r="EN59" s="15"/>
      <c r="EO59" s="15"/>
      <c r="EP59" s="15"/>
      <c r="EQ59" s="15"/>
      <c r="ER59" s="15"/>
      <c r="ES59" s="15"/>
      <c r="ET59" s="15"/>
      <c r="EU59" s="15"/>
      <c r="EV59" s="15"/>
      <c r="EW59" s="15"/>
      <c r="EX59" s="15"/>
      <c r="EY59" s="15"/>
      <c r="EZ59" s="15"/>
      <c r="FA59" s="15"/>
      <c r="FB59" s="15"/>
      <c r="FC59" s="15"/>
      <c r="FD59" s="15"/>
      <c r="FE59" s="15"/>
      <c r="FF59" s="15"/>
      <c r="FG59" s="15"/>
      <c r="FH59" s="15"/>
      <c r="FI59" s="15"/>
      <c r="FJ59" s="15"/>
      <c r="FK59" s="15"/>
      <c r="FL59" s="15"/>
      <c r="FM59" s="15"/>
      <c r="FN59" s="15"/>
      <c r="FO59" s="15"/>
      <c r="FP59" s="15"/>
      <c r="FQ59" s="15"/>
      <c r="FR59" s="15"/>
      <c r="FS59" s="15"/>
      <c r="FT59" s="15"/>
      <c r="FU59" s="15"/>
      <c r="FV59" s="15"/>
      <c r="FW59" s="15"/>
      <c r="FX59" s="15"/>
      <c r="FY59" s="15"/>
      <c r="FZ59" s="15"/>
      <c r="GA59" s="15"/>
      <c r="GB59" s="15"/>
      <c r="GC59" s="15"/>
      <c r="GD59" s="15"/>
      <c r="GE59" s="15"/>
      <c r="GF59" s="15"/>
      <c r="GG59" s="15"/>
      <c r="GH59" s="15"/>
      <c r="GI59" s="15"/>
      <c r="GJ59" s="15"/>
      <c r="GK59" s="15"/>
      <c r="GL59" s="15"/>
      <c r="GM59" s="15"/>
      <c r="GN59" s="15"/>
      <c r="GO59" s="15"/>
      <c r="GP59" s="15"/>
      <c r="GQ59" s="15"/>
      <c r="GR59" s="15"/>
      <c r="GS59" s="15"/>
      <c r="GT59" s="15"/>
      <c r="GU59" s="15"/>
      <c r="GV59" s="15"/>
      <c r="GW59" s="15"/>
      <c r="GX59" s="15"/>
      <c r="GY59" s="15"/>
      <c r="GZ59" s="15"/>
      <c r="HA59" s="15"/>
      <c r="HB59" s="15"/>
      <c r="HC59" s="15"/>
      <c r="HD59" s="15"/>
      <c r="HE59" s="15"/>
      <c r="HF59" s="15"/>
      <c r="HG59" s="15"/>
      <c r="HH59" s="15"/>
      <c r="HI59" s="15"/>
      <c r="HJ59" s="15"/>
      <c r="HK59" s="15"/>
      <c r="HL59" s="15"/>
      <c r="HM59" s="15"/>
      <c r="HN59" s="15"/>
      <c r="HO59" s="15"/>
      <c r="HP59" s="15"/>
      <c r="HQ59" s="15"/>
      <c r="HR59" s="15"/>
      <c r="HS59" s="15"/>
      <c r="HT59" s="15"/>
      <c r="HU59" s="15"/>
      <c r="HV59" s="15"/>
      <c r="HW59" s="15"/>
      <c r="HX59" s="15"/>
      <c r="HY59" s="15"/>
      <c r="HZ59" s="15"/>
      <c r="IA59" s="15"/>
      <c r="IB59" s="15"/>
      <c r="IC59" s="15"/>
      <c r="ID59" s="15"/>
      <c r="IE59" s="15"/>
      <c r="IF59" s="15"/>
      <c r="IG59" s="15"/>
      <c r="IH59" s="15"/>
      <c r="II59" s="15"/>
      <c r="IJ59" s="15"/>
      <c r="IK59" s="15"/>
      <c r="IL59" s="15"/>
      <c r="IM59" s="15"/>
      <c r="IN59" s="15"/>
      <c r="IO59" s="15"/>
      <c r="IP59" s="15"/>
      <c r="IQ59" s="15"/>
      <c r="IR59" s="15"/>
      <c r="IS59" s="15"/>
      <c r="IT59" s="15"/>
      <c r="IU59" s="15"/>
      <c r="IV59" s="15"/>
      <c r="IW59" s="15"/>
      <c r="IX59" s="15"/>
      <c r="IY59" s="15"/>
      <c r="IZ59" s="15"/>
      <c r="JA59" s="15"/>
      <c r="JB59" s="15"/>
      <c r="JC59" s="15"/>
      <c r="JD59" s="15"/>
      <c r="JE59" s="15"/>
      <c r="JF59" s="15"/>
      <c r="JG59" s="15"/>
      <c r="JH59" s="15"/>
      <c r="JI59" s="15"/>
      <c r="JJ59" s="15"/>
      <c r="JK59" s="15"/>
      <c r="JL59" s="15"/>
      <c r="JM59" s="15"/>
      <c r="JN59" s="15"/>
      <c r="JO59" s="15"/>
      <c r="JP59" s="15"/>
      <c r="JQ59" s="15"/>
      <c r="JR59" s="15"/>
      <c r="JS59" s="15"/>
      <c r="JT59" s="15"/>
      <c r="JU59" s="15"/>
      <c r="JV59" s="15"/>
      <c r="JW59" s="15"/>
      <c r="JX59" s="15"/>
      <c r="JY59" s="15"/>
      <c r="JZ59" s="15"/>
      <c r="KA59" s="15"/>
      <c r="KB59" s="15"/>
      <c r="KC59" s="15"/>
      <c r="KD59" s="15"/>
      <c r="KE59" s="15"/>
      <c r="KF59" s="15"/>
      <c r="KG59" s="15"/>
      <c r="KH59" s="15"/>
      <c r="KI59" s="15"/>
      <c r="KJ59" s="15"/>
      <c r="KK59" s="15"/>
      <c r="KL59" s="15"/>
      <c r="KM59" s="15"/>
      <c r="KN59" s="15"/>
      <c r="KO59" s="15"/>
      <c r="KP59" s="15"/>
      <c r="KQ59" s="15"/>
      <c r="KR59" s="15"/>
      <c r="KS59" s="15"/>
      <c r="KT59" s="15"/>
      <c r="KU59" s="15"/>
      <c r="KV59" s="15"/>
      <c r="KW59" s="15"/>
      <c r="KX59" s="15"/>
      <c r="KY59" s="15"/>
      <c r="KZ59" s="15"/>
      <c r="LA59" s="15"/>
      <c r="LB59" s="15"/>
      <c r="LC59" s="15"/>
      <c r="LD59" s="15"/>
      <c r="LE59" s="15"/>
      <c r="LF59" s="15"/>
      <c r="LG59" s="15"/>
      <c r="LH59" s="15"/>
      <c r="LI59" s="15"/>
      <c r="LJ59" s="15"/>
      <c r="LK59" s="15"/>
      <c r="LL59" s="15"/>
      <c r="LM59" s="15"/>
      <c r="LN59" s="15"/>
      <c r="LO59" s="15"/>
      <c r="LP59" s="15"/>
      <c r="LQ59" s="15"/>
      <c r="LR59" s="15"/>
      <c r="LS59" s="15"/>
      <c r="LT59" s="15"/>
      <c r="LU59" s="15"/>
      <c r="LV59" s="15"/>
      <c r="LW59" s="15"/>
      <c r="LX59" s="15"/>
      <c r="LY59" s="15"/>
      <c r="LZ59" s="15"/>
      <c r="MA59" s="15"/>
      <c r="MB59" s="15"/>
      <c r="MC59" s="15"/>
      <c r="MD59" s="15"/>
      <c r="ME59" s="15"/>
      <c r="MF59" s="15"/>
      <c r="MG59" s="15"/>
      <c r="MH59" s="15"/>
      <c r="MI59" s="15"/>
      <c r="MJ59" s="15"/>
      <c r="MK59" s="15"/>
      <c r="ML59" s="15"/>
      <c r="MM59" s="15"/>
      <c r="MN59" s="15"/>
      <c r="MO59" s="15"/>
      <c r="MP59" s="15"/>
      <c r="MQ59" s="15"/>
      <c r="MR59" s="15"/>
      <c r="MS59" s="15"/>
      <c r="MT59" s="15"/>
      <c r="MU59" s="15"/>
      <c r="MV59" s="15"/>
      <c r="MW59" s="15"/>
      <c r="MX59" s="15"/>
      <c r="MY59" s="15"/>
      <c r="MZ59" s="15"/>
      <c r="NA59" s="15"/>
      <c r="NB59" s="15"/>
      <c r="NC59" s="15"/>
      <c r="ND59" s="15"/>
      <c r="NE59" s="15"/>
      <c r="NF59" s="15"/>
      <c r="NG59" s="15"/>
      <c r="NH59" s="15"/>
      <c r="NI59" s="15"/>
      <c r="NJ59" s="15"/>
      <c r="NK59" s="15"/>
      <c r="NL59" s="15"/>
      <c r="NM59" s="15"/>
      <c r="NN59" s="15"/>
      <c r="NO59" s="15"/>
      <c r="NP59" s="15"/>
      <c r="NQ59" s="15"/>
      <c r="NR59" s="15"/>
      <c r="NS59" s="15"/>
      <c r="NT59" s="15"/>
      <c r="NU59" s="15"/>
      <c r="NV59" s="15"/>
      <c r="NW59" s="15"/>
      <c r="NX59" s="15"/>
      <c r="NY59" s="15"/>
      <c r="NZ59" s="15"/>
      <c r="OA59" s="15"/>
      <c r="OB59" s="15"/>
      <c r="OC59" s="15"/>
      <c r="OD59" s="15"/>
      <c r="OE59" s="15"/>
      <c r="OF59" s="15"/>
      <c r="OG59" s="15"/>
      <c r="OH59" s="15"/>
      <c r="OI59" s="15"/>
      <c r="OJ59" s="15"/>
      <c r="OK59" s="15"/>
      <c r="OL59" s="15"/>
      <c r="OM59" s="15"/>
      <c r="ON59" s="15"/>
      <c r="OO59" s="15"/>
      <c r="OP59" s="15"/>
      <c r="OQ59" s="15"/>
      <c r="OR59" s="15"/>
      <c r="OS59" s="15"/>
      <c r="OT59" s="15"/>
      <c r="OU59" s="15"/>
      <c r="OV59" s="15"/>
      <c r="OW59" s="15"/>
      <c r="OX59" s="15"/>
      <c r="OY59" s="15"/>
      <c r="OZ59" s="15"/>
      <c r="PA59" s="15"/>
      <c r="PB59" s="15"/>
      <c r="PC59" s="15"/>
      <c r="PD59" s="15"/>
      <c r="PE59" s="15"/>
      <c r="PF59" s="15"/>
      <c r="PG59" s="15"/>
      <c r="PH59" s="15"/>
      <c r="PI59" s="15"/>
      <c r="PJ59" s="15"/>
      <c r="PK59" s="15"/>
      <c r="PL59" s="15"/>
      <c r="PM59" s="15"/>
      <c r="PN59" s="15"/>
      <c r="PO59" s="15"/>
      <c r="PP59" s="15"/>
      <c r="PQ59" s="15"/>
      <c r="PR59" s="15"/>
      <c r="PS59" s="15"/>
      <c r="PT59" s="15"/>
      <c r="PU59" s="15"/>
      <c r="PV59" s="15"/>
      <c r="PW59" s="15"/>
      <c r="PX59" s="15"/>
      <c r="PY59" s="15"/>
      <c r="PZ59" s="15"/>
      <c r="QA59" s="15"/>
      <c r="QB59" s="15"/>
      <c r="QC59" s="15"/>
      <c r="QD59" s="15"/>
      <c r="QE59" s="15"/>
      <c r="QF59" s="15"/>
      <c r="QG59" s="15"/>
      <c r="QH59" s="15"/>
      <c r="QI59" s="15"/>
      <c r="QJ59" s="15"/>
      <c r="QK59" s="15"/>
      <c r="QL59" s="15"/>
      <c r="QM59" s="15"/>
      <c r="QN59" s="15"/>
      <c r="QO59" s="15"/>
      <c r="QP59" s="15"/>
      <c r="QQ59" s="15"/>
      <c r="QR59" s="15"/>
      <c r="QS59" s="15"/>
      <c r="QT59" s="15"/>
      <c r="QU59" s="15"/>
      <c r="QV59" s="15"/>
      <c r="QW59" s="15"/>
      <c r="QX59" s="15"/>
      <c r="QY59" s="15"/>
      <c r="QZ59" s="15"/>
      <c r="RA59" s="15"/>
      <c r="RB59" s="15"/>
      <c r="RC59" s="15"/>
      <c r="RD59" s="15"/>
      <c r="RE59" s="15"/>
      <c r="RF59" s="15"/>
      <c r="RG59" s="15"/>
      <c r="RH59" s="15"/>
      <c r="RI59" s="15"/>
      <c r="RJ59" s="15"/>
      <c r="RK59" s="15"/>
      <c r="RL59" s="15"/>
      <c r="RM59" s="15"/>
      <c r="RN59" s="15"/>
      <c r="RO59" s="15"/>
      <c r="RP59" s="15"/>
      <c r="RQ59" s="15"/>
      <c r="RR59" s="15"/>
      <c r="RS59" s="15"/>
      <c r="RT59" s="15"/>
      <c r="RU59" s="15"/>
      <c r="RV59" s="15"/>
      <c r="RW59" s="15"/>
      <c r="RX59" s="15"/>
      <c r="RY59" s="15"/>
      <c r="RZ59" s="15"/>
      <c r="SA59" s="15"/>
      <c r="SB59" s="15"/>
      <c r="SC59" s="15"/>
      <c r="SD59" s="15"/>
      <c r="SE59" s="15"/>
      <c r="SF59" s="15"/>
      <c r="SG59" s="15"/>
      <c r="SH59" s="15"/>
      <c r="SI59" s="15"/>
      <c r="SJ59" s="15"/>
      <c r="SK59" s="15"/>
      <c r="SL59" s="15"/>
      <c r="SM59" s="15"/>
      <c r="SN59" s="15"/>
      <c r="SO59" s="15"/>
      <c r="SP59" s="15"/>
      <c r="SQ59" s="15"/>
      <c r="SR59" s="15"/>
      <c r="SS59" s="15"/>
      <c r="ST59" s="15"/>
      <c r="SU59" s="15"/>
      <c r="SV59" s="15"/>
      <c r="SW59" s="15"/>
      <c r="SX59" s="15"/>
      <c r="SY59" s="15"/>
      <c r="SZ59" s="15"/>
      <c r="TA59" s="15"/>
      <c r="TB59" s="15"/>
      <c r="TC59" s="15"/>
      <c r="TD59" s="15"/>
      <c r="TE59" s="15"/>
      <c r="TF59" s="15"/>
      <c r="TG59" s="15"/>
      <c r="TH59" s="15"/>
      <c r="TI59" s="15"/>
      <c r="TJ59" s="15"/>
      <c r="TK59" s="15"/>
      <c r="TL59" s="15"/>
      <c r="TM59" s="15"/>
      <c r="TN59" s="15"/>
      <c r="TO59" s="15"/>
      <c r="TP59" s="15"/>
      <c r="TQ59" s="15"/>
      <c r="TR59" s="15"/>
      <c r="TS59" s="15"/>
      <c r="TT59" s="15"/>
      <c r="TU59" s="15"/>
      <c r="TV59" s="15"/>
      <c r="TW59" s="15"/>
      <c r="TX59" s="15"/>
      <c r="TY59" s="15"/>
      <c r="TZ59" s="15"/>
      <c r="UA59" s="15"/>
      <c r="UB59" s="15"/>
      <c r="UC59" s="15"/>
      <c r="UD59" s="15"/>
      <c r="UE59" s="15"/>
      <c r="UF59" s="15"/>
      <c r="UG59" s="15"/>
      <c r="UH59" s="15"/>
      <c r="UI59" s="15"/>
      <c r="UJ59" s="15"/>
      <c r="UK59" s="15"/>
      <c r="UL59" s="15"/>
      <c r="UM59" s="15"/>
      <c r="UN59" s="15"/>
      <c r="UO59" s="15"/>
      <c r="UP59" s="15"/>
      <c r="UQ59" s="15"/>
      <c r="UR59" s="15"/>
      <c r="US59" s="15"/>
      <c r="UT59" s="15"/>
      <c r="UU59" s="15"/>
      <c r="UV59" s="15"/>
      <c r="UW59" s="15"/>
      <c r="UX59" s="15"/>
      <c r="UY59" s="15"/>
      <c r="UZ59" s="15"/>
      <c r="VA59" s="15"/>
      <c r="VB59" s="15"/>
      <c r="VC59" s="15"/>
      <c r="VD59" s="15"/>
      <c r="VE59" s="15"/>
      <c r="VF59" s="15"/>
      <c r="VG59" s="15"/>
      <c r="VH59" s="15"/>
      <c r="VI59" s="15"/>
      <c r="VJ59" s="15"/>
      <c r="VK59" s="15"/>
      <c r="VL59" s="15"/>
      <c r="VM59" s="15"/>
      <c r="VN59" s="15"/>
      <c r="VO59" s="15"/>
      <c r="VP59" s="15"/>
      <c r="VQ59" s="15"/>
      <c r="VR59" s="15"/>
      <c r="VS59" s="15"/>
      <c r="VT59" s="15"/>
      <c r="VU59" s="15"/>
      <c r="VV59" s="15"/>
      <c r="VW59" s="15"/>
      <c r="VX59" s="15"/>
      <c r="VY59" s="15"/>
      <c r="VZ59" s="15"/>
      <c r="WA59" s="15"/>
      <c r="WB59" s="15"/>
      <c r="WC59" s="15"/>
      <c r="WD59" s="15"/>
      <c r="WE59" s="15"/>
      <c r="WF59" s="15"/>
      <c r="WG59" s="15"/>
      <c r="WH59" s="15"/>
      <c r="WI59" s="15"/>
      <c r="WJ59" s="15"/>
      <c r="WK59" s="15"/>
      <c r="WL59" s="15"/>
      <c r="WM59" s="15"/>
      <c r="WN59" s="15"/>
      <c r="WO59" s="15"/>
      <c r="WP59" s="15"/>
      <c r="WQ59" s="15"/>
      <c r="WR59" s="15"/>
      <c r="WS59" s="15"/>
      <c r="WT59" s="15"/>
      <c r="WU59" s="15"/>
      <c r="WV59" s="15"/>
      <c r="WW59" s="15"/>
      <c r="WX59" s="15"/>
      <c r="WY59" s="15"/>
      <c r="WZ59" s="15"/>
      <c r="XA59" s="15"/>
      <c r="XB59" s="15"/>
      <c r="XC59" s="15"/>
      <c r="XD59" s="15"/>
      <c r="XE59" s="15"/>
      <c r="XF59" s="15"/>
      <c r="XG59" s="15"/>
      <c r="XH59" s="15"/>
      <c r="XI59" s="15"/>
      <c r="XJ59" s="15"/>
      <c r="XK59" s="15"/>
      <c r="XL59" s="15"/>
      <c r="XM59" s="15"/>
      <c r="XN59" s="15"/>
      <c r="XO59" s="15"/>
      <c r="XP59" s="15"/>
      <c r="XQ59" s="15"/>
      <c r="XR59" s="15"/>
      <c r="XS59" s="15"/>
      <c r="XT59" s="15"/>
      <c r="XU59" s="15"/>
      <c r="XV59" s="15"/>
      <c r="XW59" s="15"/>
      <c r="XX59" s="15"/>
      <c r="XY59" s="15"/>
      <c r="XZ59" s="15"/>
      <c r="YA59" s="15"/>
      <c r="YB59" s="15"/>
      <c r="YC59" s="15"/>
      <c r="YD59" s="15"/>
      <c r="YE59" s="15"/>
      <c r="YF59" s="15"/>
      <c r="YG59" s="15"/>
      <c r="YH59" s="15"/>
      <c r="YI59" s="15"/>
      <c r="YJ59" s="15"/>
      <c r="YK59" s="15"/>
      <c r="YL59" s="15"/>
      <c r="YM59" s="15"/>
      <c r="YN59" s="15"/>
      <c r="YO59" s="15"/>
      <c r="YP59" s="15"/>
      <c r="YQ59" s="15"/>
      <c r="YR59" s="15"/>
      <c r="YS59" s="15"/>
      <c r="YT59" s="15"/>
      <c r="YU59" s="15"/>
      <c r="YV59" s="15"/>
      <c r="YW59" s="15"/>
      <c r="YX59" s="15"/>
      <c r="YY59" s="15"/>
      <c r="YZ59" s="15"/>
      <c r="ZA59" s="15"/>
      <c r="ZB59" s="15"/>
      <c r="ZC59" s="15"/>
      <c r="ZD59" s="15"/>
      <c r="ZE59" s="15"/>
      <c r="ZF59" s="15"/>
      <c r="ZG59" s="15"/>
      <c r="ZH59" s="15"/>
      <c r="ZI59" s="15"/>
      <c r="ZJ59" s="15"/>
      <c r="ZK59" s="15"/>
      <c r="ZL59" s="15"/>
      <c r="ZM59" s="15"/>
      <c r="ZN59" s="15"/>
      <c r="ZO59" s="15"/>
      <c r="ZP59" s="15"/>
      <c r="ZQ59" s="15"/>
      <c r="ZR59" s="15"/>
      <c r="ZS59" s="15"/>
      <c r="ZT59" s="15"/>
      <c r="ZU59" s="15"/>
      <c r="ZV59" s="15"/>
      <c r="ZW59" s="15"/>
      <c r="ZX59" s="15"/>
      <c r="ZY59" s="15"/>
      <c r="ZZ59" s="15"/>
      <c r="AAA59" s="15"/>
      <c r="AAB59" s="15"/>
      <c r="AAC59" s="15"/>
      <c r="AAD59" s="15"/>
      <c r="AAE59" s="15"/>
      <c r="AAF59" s="15"/>
      <c r="AAG59" s="15"/>
      <c r="AAH59" s="15"/>
      <c r="AAI59" s="15"/>
      <c r="AAJ59" s="15"/>
      <c r="AAK59" s="15"/>
      <c r="AAL59" s="15"/>
      <c r="AAM59" s="15"/>
      <c r="AAN59" s="15"/>
      <c r="AAO59" s="15"/>
      <c r="AAP59" s="15"/>
      <c r="AAQ59" s="15"/>
      <c r="AAR59" s="15"/>
      <c r="AAS59" s="15"/>
      <c r="AAT59" s="15"/>
      <c r="AAU59" s="15"/>
      <c r="AAV59" s="15"/>
      <c r="AAW59" s="15"/>
      <c r="AAX59" s="15"/>
      <c r="AAY59" s="15"/>
      <c r="AAZ59" s="15"/>
      <c r="ABA59" s="15"/>
      <c r="ABB59" s="15"/>
      <c r="ABC59" s="15"/>
      <c r="ABD59" s="15"/>
      <c r="ABE59" s="15"/>
      <c r="ABF59" s="15"/>
      <c r="ABG59" s="15"/>
      <c r="ABH59" s="15"/>
      <c r="ABI59" s="15"/>
      <c r="ABJ59" s="15"/>
      <c r="ABK59" s="15"/>
      <c r="ABL59" s="15"/>
      <c r="ABM59" s="15"/>
      <c r="ABN59" s="15"/>
      <c r="ABO59" s="15"/>
      <c r="ABP59" s="15"/>
      <c r="ABQ59" s="15"/>
      <c r="ABR59" s="15"/>
      <c r="ABS59" s="15"/>
      <c r="ABT59" s="15"/>
      <c r="ABU59" s="15"/>
      <c r="ABV59" s="15"/>
      <c r="ABW59" s="15"/>
      <c r="ABX59" s="15"/>
      <c r="ABY59" s="15"/>
      <c r="ABZ59" s="15"/>
      <c r="ACA59" s="15"/>
      <c r="ACB59" s="15"/>
      <c r="ACC59" s="15"/>
      <c r="ACD59" s="15"/>
      <c r="ACE59" s="15"/>
      <c r="ACF59" s="15"/>
      <c r="ACG59" s="15"/>
      <c r="ACH59" s="15"/>
      <c r="ACI59" s="15"/>
      <c r="ACJ59" s="15"/>
      <c r="ACK59" s="15"/>
      <c r="ACL59" s="15"/>
      <c r="ACM59" s="15"/>
      <c r="ACN59" s="15"/>
      <c r="ACO59" s="15"/>
      <c r="ACP59" s="15"/>
      <c r="ACQ59" s="15"/>
      <c r="ACR59" s="15"/>
      <c r="ACS59" s="15"/>
      <c r="ACT59" s="15"/>
      <c r="ACU59" s="15"/>
      <c r="ACV59" s="15"/>
      <c r="ACW59" s="15"/>
      <c r="ACX59" s="15"/>
      <c r="ACY59" s="15"/>
      <c r="ACZ59" s="15"/>
      <c r="ADA59" s="15"/>
      <c r="ADB59" s="15"/>
      <c r="ADC59" s="15"/>
      <c r="ADD59" s="15"/>
      <c r="ADE59" s="15"/>
      <c r="ADF59" s="15"/>
      <c r="ADG59" s="15"/>
      <c r="ADH59" s="15"/>
      <c r="ADI59" s="15"/>
      <c r="ADJ59" s="15"/>
      <c r="ADK59" s="15"/>
      <c r="ADL59" s="15"/>
      <c r="ADM59" s="15"/>
      <c r="ADN59" s="15"/>
      <c r="ADO59" s="15"/>
      <c r="ADP59" s="15"/>
      <c r="ADQ59" s="15"/>
      <c r="ADR59" s="15"/>
      <c r="ADS59" s="15"/>
      <c r="ADT59" s="15"/>
      <c r="ADU59" s="15"/>
      <c r="ADV59" s="15"/>
      <c r="ADW59" s="15"/>
      <c r="ADX59" s="15"/>
      <c r="ADY59" s="15"/>
      <c r="ADZ59" s="15"/>
      <c r="AEA59" s="15"/>
      <c r="AEB59" s="15"/>
      <c r="AEC59" s="15"/>
      <c r="AED59" s="15"/>
      <c r="AEE59" s="15"/>
      <c r="AEF59" s="15"/>
      <c r="AEG59" s="15"/>
      <c r="AEH59" s="15"/>
      <c r="AEI59" s="15"/>
      <c r="AEJ59" s="15"/>
      <c r="AEK59" s="15"/>
      <c r="AEL59" s="15"/>
      <c r="AEM59" s="15"/>
      <c r="AEN59" s="15"/>
      <c r="AEO59" s="15"/>
      <c r="AEP59" s="15"/>
      <c r="AEQ59" s="15"/>
      <c r="AER59" s="15"/>
      <c r="AES59" s="15"/>
      <c r="AET59" s="15"/>
      <c r="AEU59" s="15"/>
      <c r="AEV59" s="15"/>
      <c r="AEW59" s="15"/>
      <c r="AEX59" s="15"/>
      <c r="AEY59" s="15"/>
      <c r="AEZ59" s="15"/>
      <c r="AFA59" s="15"/>
      <c r="AFB59" s="15"/>
      <c r="AFC59" s="15"/>
      <c r="AFD59" s="15"/>
      <c r="AFE59" s="15"/>
      <c r="AFF59" s="15"/>
      <c r="AFG59" s="15"/>
      <c r="AFH59" s="15"/>
      <c r="AFI59" s="15"/>
      <c r="AFJ59" s="15"/>
      <c r="AFK59" s="15"/>
      <c r="AFL59" s="15"/>
      <c r="AFM59" s="15"/>
      <c r="AFN59" s="15"/>
      <c r="AFO59" s="15"/>
      <c r="AFP59" s="15"/>
      <c r="AFQ59" s="15"/>
      <c r="AFR59" s="15"/>
      <c r="AFS59" s="15"/>
      <c r="AFT59" s="15"/>
      <c r="AFU59" s="15"/>
      <c r="AFV59" s="15"/>
      <c r="AFW59" s="15"/>
      <c r="AFX59" s="15"/>
      <c r="AFY59" s="15"/>
      <c r="AFZ59" s="15"/>
      <c r="AGA59" s="15"/>
      <c r="AGB59" s="15"/>
      <c r="AGC59" s="15"/>
      <c r="AGD59" s="15"/>
      <c r="AGE59" s="15"/>
      <c r="AGF59" s="15"/>
      <c r="AGG59" s="15"/>
      <c r="AGH59" s="15"/>
      <c r="AGI59" s="15"/>
      <c r="AGJ59" s="15"/>
      <c r="AGK59" s="15"/>
      <c r="AGL59" s="15"/>
      <c r="AGM59" s="15"/>
      <c r="AGN59" s="15"/>
      <c r="AGO59" s="15"/>
      <c r="AGP59" s="15"/>
      <c r="AGQ59" s="15"/>
      <c r="AGR59" s="15"/>
      <c r="AGS59" s="15"/>
      <c r="AGT59" s="15"/>
      <c r="AGU59" s="15"/>
      <c r="AGV59" s="15"/>
      <c r="AGW59" s="15"/>
      <c r="AGX59" s="15"/>
      <c r="AGY59" s="15"/>
      <c r="AGZ59" s="15"/>
      <c r="AHA59" s="15"/>
      <c r="AHB59" s="15"/>
      <c r="AHC59" s="15"/>
      <c r="AHD59" s="15"/>
      <c r="AHE59" s="15"/>
      <c r="AHF59" s="15"/>
      <c r="AHG59" s="15"/>
      <c r="AHH59" s="15"/>
      <c r="AHI59" s="15"/>
      <c r="AHJ59" s="15"/>
      <c r="AHK59" s="15"/>
      <c r="AHL59" s="15"/>
      <c r="AHM59" s="15"/>
      <c r="AHN59" s="15"/>
      <c r="AHO59" s="15"/>
      <c r="AHP59" s="15"/>
      <c r="AHQ59" s="15"/>
      <c r="AHR59" s="15"/>
      <c r="AHS59" s="15"/>
      <c r="AHT59" s="15"/>
      <c r="AHU59" s="15"/>
      <c r="AHV59" s="15"/>
      <c r="AHW59" s="15"/>
      <c r="AHX59" s="15"/>
      <c r="AHY59" s="15"/>
      <c r="AHZ59" s="15"/>
      <c r="AIA59" s="15"/>
      <c r="AIB59" s="15"/>
      <c r="AIC59" s="15"/>
      <c r="AID59" s="15"/>
      <c r="AIE59" s="15"/>
      <c r="AIF59" s="15"/>
      <c r="AIG59" s="15"/>
      <c r="AIH59" s="15"/>
      <c r="AII59" s="15"/>
      <c r="AIJ59" s="15"/>
      <c r="AIK59" s="15"/>
      <c r="AIL59" s="15"/>
      <c r="AIM59" s="15"/>
      <c r="AIN59" s="15"/>
      <c r="AIO59" s="15"/>
      <c r="AIP59" s="15"/>
      <c r="AIQ59" s="15"/>
      <c r="AIR59" s="15"/>
      <c r="AIS59" s="15"/>
      <c r="AIT59" s="15"/>
      <c r="AIU59" s="15"/>
      <c r="AIV59" s="15"/>
      <c r="AIW59" s="15"/>
      <c r="AIX59" s="15"/>
      <c r="AIY59" s="15"/>
      <c r="AIZ59" s="15"/>
      <c r="AJA59" s="15"/>
      <c r="AJB59" s="15"/>
      <c r="AJC59" s="15"/>
      <c r="AJD59" s="15"/>
      <c r="AJE59" s="15"/>
      <c r="AJF59" s="15"/>
      <c r="AJG59" s="15"/>
      <c r="AJH59" s="15"/>
      <c r="AJI59" s="15"/>
      <c r="AJJ59" s="15"/>
      <c r="AJK59" s="15"/>
      <c r="AJL59" s="15"/>
      <c r="AJM59" s="15"/>
      <c r="AJN59" s="15"/>
      <c r="AJO59" s="15"/>
      <c r="AJP59" s="15"/>
      <c r="AJQ59" s="15"/>
      <c r="AJR59" s="15"/>
      <c r="AJS59" s="15"/>
      <c r="AJT59" s="15"/>
      <c r="AJU59" s="15"/>
      <c r="AJV59" s="15"/>
      <c r="AJW59" s="15"/>
      <c r="AJX59" s="15"/>
      <c r="AJY59" s="15"/>
      <c r="AJZ59" s="15"/>
      <c r="AKA59" s="15"/>
      <c r="AKB59" s="15"/>
      <c r="AKC59" s="15"/>
      <c r="AKD59" s="15"/>
      <c r="AKE59" s="15"/>
      <c r="AKF59" s="15"/>
      <c r="AKG59" s="15"/>
      <c r="AKH59" s="15"/>
      <c r="AKI59" s="15"/>
      <c r="AKJ59" s="15"/>
      <c r="AKK59" s="15"/>
      <c r="AKL59" s="15"/>
      <c r="AKM59" s="15"/>
      <c r="AKN59" s="15"/>
      <c r="AKO59" s="15"/>
      <c r="AKP59" s="15"/>
      <c r="AKQ59" s="15"/>
      <c r="AKR59" s="15"/>
      <c r="AKS59" s="15"/>
      <c r="AKT59" s="15"/>
      <c r="AKU59" s="15"/>
      <c r="AKV59" s="15"/>
      <c r="AKW59" s="15"/>
      <c r="AKX59" s="15"/>
      <c r="AKY59" s="15"/>
      <c r="AKZ59" s="15"/>
      <c r="ALA59" s="15"/>
      <c r="ALB59" s="15"/>
      <c r="ALC59" s="15"/>
      <c r="ALD59" s="15"/>
      <c r="ALE59" s="15"/>
      <c r="ALF59" s="15"/>
      <c r="ALG59" s="15"/>
      <c r="ALH59" s="15"/>
      <c r="ALI59" s="15"/>
      <c r="ALJ59" s="15"/>
      <c r="ALK59" s="15"/>
      <c r="ALL59" s="15"/>
      <c r="ALM59" s="15"/>
      <c r="ALN59" s="15"/>
      <c r="ALO59" s="15"/>
      <c r="ALP59" s="15"/>
      <c r="ALQ59" s="15"/>
      <c r="ALR59" s="15"/>
      <c r="ALS59" s="15"/>
      <c r="ALT59" s="15"/>
      <c r="ALU59" s="15"/>
      <c r="ALV59" s="15"/>
      <c r="ALW59" s="15"/>
      <c r="ALX59" s="15"/>
      <c r="ALY59" s="15"/>
      <c r="ALZ59" s="15"/>
      <c r="AMA59" s="15"/>
      <c r="AMB59" s="15"/>
      <c r="AMC59" s="15"/>
      <c r="AMD59" s="15"/>
      <c r="AME59" s="15"/>
      <c r="AMF59" s="15"/>
      <c r="AMG59" s="15"/>
      <c r="AMH59" s="15"/>
      <c r="AMI59" s="15"/>
      <c r="AMJ59" s="15"/>
      <c r="AMK59" s="15"/>
      <c r="AML59" s="15"/>
      <c r="AMM59" s="15"/>
      <c r="AMN59" s="15"/>
      <c r="AMO59" s="15"/>
      <c r="AMP59" s="15"/>
      <c r="AMQ59" s="15"/>
      <c r="AMR59" s="15"/>
      <c r="AMS59" s="15"/>
      <c r="AMT59" s="15"/>
      <c r="AMU59" s="15"/>
      <c r="AMV59" s="15"/>
      <c r="AMW59" s="15"/>
      <c r="AMX59" s="15"/>
      <c r="AMY59" s="15"/>
      <c r="AMZ59" s="15"/>
      <c r="ANA59" s="15"/>
      <c r="ANB59" s="15"/>
      <c r="ANC59" s="15"/>
      <c r="AND59" s="15"/>
      <c r="ANE59" s="15"/>
      <c r="ANF59" s="15"/>
      <c r="ANG59" s="15"/>
      <c r="ANH59" s="15"/>
      <c r="ANI59" s="15"/>
      <c r="ANJ59" s="15"/>
      <c r="ANK59" s="15"/>
      <c r="ANL59" s="15"/>
      <c r="ANM59" s="15"/>
      <c r="ANN59" s="15"/>
      <c r="ANO59" s="15"/>
      <c r="ANP59" s="15"/>
      <c r="ANQ59" s="15"/>
      <c r="ANR59" s="15"/>
      <c r="ANS59" s="15"/>
      <c r="ANT59" s="15"/>
      <c r="ANU59" s="15"/>
      <c r="ANV59" s="15"/>
      <c r="ANW59" s="15"/>
      <c r="ANX59" s="15"/>
      <c r="ANY59" s="15"/>
      <c r="ANZ59" s="15"/>
      <c r="AOA59" s="15"/>
      <c r="AOB59" s="15"/>
      <c r="AOC59" s="15"/>
      <c r="AOD59" s="15"/>
      <c r="AOE59" s="15"/>
      <c r="AOF59" s="15"/>
      <c r="AOG59" s="15"/>
      <c r="AOH59" s="15"/>
      <c r="AOI59" s="15"/>
      <c r="AOJ59" s="15"/>
      <c r="AOK59" s="15"/>
      <c r="AOL59" s="15"/>
      <c r="AOM59" s="15"/>
      <c r="AON59" s="15"/>
      <c r="AOO59" s="15"/>
      <c r="AOP59" s="15"/>
      <c r="AOQ59" s="15"/>
      <c r="AOR59" s="15"/>
      <c r="AOS59" s="15"/>
      <c r="AOT59" s="15"/>
      <c r="AOU59" s="15"/>
      <c r="AOV59" s="15"/>
      <c r="AOW59" s="15"/>
      <c r="AOX59" s="15"/>
      <c r="AOY59" s="15"/>
      <c r="AOZ59" s="15"/>
      <c r="APA59" s="15"/>
      <c r="APB59" s="15"/>
      <c r="APC59" s="15"/>
      <c r="APD59" s="15"/>
      <c r="APE59" s="15"/>
      <c r="APF59" s="15"/>
      <c r="APG59" s="15"/>
      <c r="APH59" s="15"/>
      <c r="API59" s="15"/>
      <c r="APJ59" s="15"/>
      <c r="APK59" s="15"/>
      <c r="APL59" s="15"/>
      <c r="APM59" s="15"/>
      <c r="APN59" s="15"/>
      <c r="APO59" s="15"/>
      <c r="APP59" s="15"/>
      <c r="APQ59" s="15"/>
      <c r="APR59" s="15"/>
      <c r="APS59" s="15"/>
      <c r="APT59" s="15"/>
      <c r="APU59" s="15"/>
      <c r="APV59" s="15"/>
      <c r="APW59" s="15"/>
      <c r="APX59" s="15"/>
      <c r="APY59" s="15"/>
      <c r="APZ59" s="15"/>
      <c r="AQA59" s="15"/>
      <c r="AQB59" s="15"/>
      <c r="AQC59" s="15"/>
      <c r="AQD59" s="15"/>
      <c r="AQE59" s="15"/>
      <c r="AQF59" s="15"/>
      <c r="AQG59" s="15"/>
      <c r="AQH59" s="15"/>
      <c r="AQI59" s="15"/>
      <c r="AQJ59" s="15"/>
      <c r="AQK59" s="15"/>
      <c r="AQL59" s="15"/>
      <c r="AQM59" s="15"/>
      <c r="AQN59" s="15"/>
      <c r="AQO59" s="15"/>
      <c r="AQP59" s="15"/>
      <c r="AQQ59" s="15"/>
      <c r="AQR59" s="15"/>
      <c r="AQS59" s="15"/>
      <c r="AQT59" s="15"/>
      <c r="AQU59" s="15"/>
      <c r="AQV59" s="15"/>
      <c r="AQW59" s="15"/>
      <c r="AQX59" s="15"/>
      <c r="AQY59" s="15"/>
      <c r="AQZ59" s="15"/>
      <c r="ARA59" s="15"/>
      <c r="ARB59" s="15"/>
      <c r="ARC59" s="15"/>
      <c r="ARD59" s="15"/>
      <c r="ARE59" s="15"/>
      <c r="ARF59" s="15"/>
      <c r="ARG59" s="15"/>
      <c r="ARH59" s="15"/>
      <c r="ARI59" s="15"/>
      <c r="ARJ59" s="15"/>
      <c r="ARK59" s="15"/>
      <c r="ARL59" s="15"/>
      <c r="ARM59" s="15"/>
      <c r="ARN59" s="15"/>
      <c r="ARO59" s="15"/>
      <c r="ARP59" s="15"/>
      <c r="ARQ59" s="15"/>
      <c r="ARR59" s="15"/>
      <c r="ARS59" s="15"/>
      <c r="ART59" s="15"/>
      <c r="ARU59" s="15"/>
      <c r="ARV59" s="15"/>
      <c r="ARW59" s="15"/>
      <c r="ARX59" s="15"/>
      <c r="ARY59" s="15"/>
      <c r="ARZ59" s="15"/>
      <c r="ASA59" s="15"/>
      <c r="ASB59" s="15"/>
      <c r="ASC59" s="15"/>
      <c r="ASD59" s="15"/>
      <c r="ASE59" s="15"/>
      <c r="ASF59" s="15"/>
      <c r="ASG59" s="15"/>
      <c r="ASH59" s="15"/>
      <c r="ASI59" s="15"/>
      <c r="ASJ59" s="15"/>
      <c r="ASK59" s="15"/>
      <c r="ASL59" s="15"/>
      <c r="ASM59" s="15"/>
      <c r="ASN59" s="15"/>
      <c r="ASO59" s="15"/>
      <c r="ASP59" s="15"/>
      <c r="ASQ59" s="15"/>
      <c r="ASR59" s="15"/>
      <c r="ASS59" s="15"/>
      <c r="AST59" s="15"/>
      <c r="ASU59" s="15"/>
      <c r="ASV59" s="15"/>
      <c r="ASW59" s="15"/>
      <c r="ASX59" s="15"/>
      <c r="ASY59" s="15"/>
      <c r="ASZ59" s="15"/>
      <c r="ATA59" s="15"/>
      <c r="ATB59" s="15"/>
      <c r="ATC59" s="15"/>
      <c r="ATD59" s="15"/>
      <c r="ATE59" s="15"/>
      <c r="ATF59" s="15"/>
      <c r="ATG59" s="15"/>
      <c r="ATH59" s="15"/>
      <c r="ATI59" s="15"/>
      <c r="ATJ59" s="15"/>
      <c r="ATK59" s="15"/>
      <c r="ATL59" s="15"/>
      <c r="ATM59" s="15"/>
      <c r="ATN59" s="15"/>
      <c r="ATO59" s="15"/>
      <c r="ATP59" s="15"/>
      <c r="ATQ59" s="15"/>
      <c r="ATR59" s="15"/>
      <c r="ATS59" s="15"/>
      <c r="ATT59" s="15"/>
      <c r="ATU59" s="15"/>
      <c r="ATV59" s="15"/>
      <c r="ATW59" s="15"/>
      <c r="ATX59" s="15"/>
      <c r="ATY59" s="15"/>
      <c r="ATZ59" s="15"/>
      <c r="AUA59" s="15"/>
      <c r="AUB59" s="15"/>
      <c r="AUC59" s="15"/>
      <c r="AUD59" s="15"/>
      <c r="AUE59" s="15"/>
      <c r="AUF59" s="15"/>
      <c r="AUG59" s="15"/>
      <c r="AUH59" s="15"/>
      <c r="AUI59" s="15"/>
      <c r="AUJ59" s="15"/>
      <c r="AUK59" s="15"/>
      <c r="AUL59" s="15"/>
      <c r="AUM59" s="15"/>
      <c r="AUN59" s="15"/>
      <c r="AUO59" s="15"/>
      <c r="AUP59" s="15"/>
      <c r="AUQ59" s="15"/>
      <c r="AUR59" s="15"/>
      <c r="AUS59" s="15"/>
      <c r="AUT59" s="15"/>
      <c r="AUU59" s="15"/>
      <c r="AUV59" s="15"/>
      <c r="AUW59" s="15"/>
      <c r="AUX59" s="15"/>
      <c r="AUY59" s="15"/>
      <c r="AUZ59" s="15"/>
      <c r="AVA59" s="15"/>
      <c r="AVB59" s="15"/>
      <c r="AVC59" s="15"/>
      <c r="AVD59" s="15"/>
      <c r="AVE59" s="15"/>
      <c r="AVF59" s="15"/>
      <c r="AVG59" s="15"/>
      <c r="AVH59" s="15"/>
      <c r="AVI59" s="15"/>
      <c r="AVJ59" s="15"/>
      <c r="AVK59" s="15"/>
      <c r="AVL59" s="15"/>
      <c r="AVM59" s="15"/>
      <c r="AVN59" s="15"/>
      <c r="AVO59" s="15"/>
      <c r="AVP59" s="15"/>
      <c r="AVQ59" s="15"/>
      <c r="AVR59" s="15"/>
      <c r="AVS59" s="15"/>
      <c r="AVT59" s="15"/>
      <c r="AVU59" s="15"/>
      <c r="AVV59" s="15"/>
      <c r="AVW59" s="15"/>
      <c r="AVX59" s="15"/>
      <c r="AVY59" s="15"/>
      <c r="AVZ59" s="15"/>
      <c r="AWA59" s="15"/>
      <c r="AWB59" s="15"/>
      <c r="AWC59" s="15"/>
      <c r="AWD59" s="15"/>
      <c r="AWE59" s="15"/>
      <c r="AWF59" s="15"/>
      <c r="AWG59" s="15"/>
      <c r="AWH59" s="15"/>
      <c r="AWI59" s="15"/>
      <c r="AWJ59" s="15"/>
      <c r="AWK59" s="15"/>
      <c r="AWL59" s="15"/>
      <c r="AWM59" s="15"/>
      <c r="AWN59" s="15"/>
      <c r="AWO59" s="15"/>
      <c r="AWP59" s="15"/>
      <c r="AWQ59" s="15"/>
      <c r="AWR59" s="15"/>
      <c r="AWS59" s="15"/>
      <c r="AWT59" s="15"/>
      <c r="AWU59" s="15"/>
      <c r="AWV59" s="15"/>
      <c r="AWW59" s="15"/>
      <c r="AWX59" s="15"/>
      <c r="AWY59" s="15"/>
      <c r="AWZ59" s="15"/>
      <c r="AXA59" s="15"/>
      <c r="AXB59" s="15"/>
      <c r="AXC59" s="15"/>
      <c r="AXD59" s="15"/>
      <c r="AXE59" s="15"/>
      <c r="AXF59" s="15"/>
      <c r="AXG59" s="15"/>
      <c r="AXH59" s="15"/>
      <c r="AXI59" s="15"/>
      <c r="AXJ59" s="15"/>
      <c r="AXK59" s="15"/>
      <c r="AXL59" s="15"/>
      <c r="AXM59" s="15"/>
      <c r="AXN59" s="15"/>
      <c r="AXO59" s="15"/>
      <c r="AXP59" s="15"/>
      <c r="AXQ59" s="15"/>
      <c r="AXR59" s="15"/>
      <c r="AXS59" s="15"/>
      <c r="AXT59" s="15"/>
      <c r="AXU59" s="15"/>
      <c r="AXV59" s="15"/>
      <c r="AXW59" s="15"/>
      <c r="AXX59" s="15"/>
      <c r="AXY59" s="15"/>
      <c r="AXZ59" s="15"/>
      <c r="AYA59" s="15"/>
      <c r="AYB59" s="15"/>
      <c r="AYC59" s="15"/>
      <c r="AYD59" s="15"/>
      <c r="AYE59" s="15"/>
      <c r="AYF59" s="15"/>
      <c r="AYG59" s="15"/>
      <c r="AYH59" s="15"/>
      <c r="AYI59" s="15"/>
      <c r="AYJ59" s="15"/>
      <c r="AYK59" s="15"/>
      <c r="AYL59" s="15"/>
      <c r="AYM59" s="15"/>
      <c r="AYN59" s="15"/>
      <c r="AYO59" s="15"/>
      <c r="AYP59" s="15"/>
      <c r="AYQ59" s="15"/>
      <c r="AYR59" s="15"/>
      <c r="AYS59" s="15"/>
      <c r="AYT59" s="15"/>
      <c r="AYU59" s="15"/>
      <c r="AYV59" s="15"/>
      <c r="AYW59" s="15"/>
      <c r="AYX59" s="15"/>
      <c r="AYY59" s="15"/>
      <c r="AYZ59" s="15"/>
      <c r="AZA59" s="15"/>
      <c r="AZB59" s="15"/>
      <c r="AZC59" s="15"/>
      <c r="AZD59" s="15"/>
      <c r="AZE59" s="15"/>
      <c r="AZF59" s="15"/>
      <c r="AZG59" s="15"/>
      <c r="AZH59" s="15"/>
      <c r="AZI59" s="15"/>
      <c r="AZJ59" s="15"/>
      <c r="AZK59" s="15"/>
      <c r="AZL59" s="15"/>
      <c r="AZM59" s="15"/>
      <c r="AZN59" s="15"/>
      <c r="AZO59" s="15"/>
      <c r="AZP59" s="15"/>
      <c r="AZQ59" s="15"/>
      <c r="AZR59" s="15"/>
      <c r="AZS59" s="15"/>
      <c r="AZT59" s="15"/>
      <c r="AZU59" s="15"/>
      <c r="AZV59" s="15"/>
      <c r="AZW59" s="15"/>
      <c r="AZX59" s="15"/>
      <c r="AZY59" s="15"/>
      <c r="AZZ59" s="15"/>
      <c r="BAA59" s="15"/>
      <c r="BAB59" s="15"/>
      <c r="BAC59" s="15"/>
      <c r="BAD59" s="15"/>
      <c r="BAE59" s="15"/>
      <c r="BAF59" s="15"/>
      <c r="BAG59" s="15"/>
      <c r="BAH59" s="15"/>
      <c r="BAI59" s="15"/>
      <c r="BAJ59" s="15"/>
      <c r="BAK59" s="15"/>
      <c r="BAL59" s="15"/>
      <c r="BAM59" s="15"/>
      <c r="BAN59" s="15"/>
      <c r="BAO59" s="15"/>
      <c r="BAP59" s="15"/>
      <c r="BAQ59" s="15"/>
      <c r="BAR59" s="15"/>
      <c r="BAS59" s="15"/>
      <c r="BAT59" s="15"/>
      <c r="BAU59" s="15"/>
      <c r="BAV59" s="15"/>
      <c r="BAW59" s="15"/>
      <c r="BAX59" s="15"/>
      <c r="BAY59" s="15"/>
      <c r="BAZ59" s="15"/>
      <c r="BBA59" s="15"/>
      <c r="BBB59" s="15"/>
      <c r="BBC59" s="15"/>
      <c r="BBD59" s="15"/>
      <c r="BBE59" s="15"/>
      <c r="BBF59" s="15"/>
      <c r="BBG59" s="15"/>
      <c r="BBH59" s="15"/>
      <c r="BBI59" s="15"/>
      <c r="BBJ59" s="15"/>
      <c r="BBK59" s="15"/>
      <c r="BBL59" s="15"/>
      <c r="BBM59" s="15"/>
      <c r="BBN59" s="15"/>
    </row>
    <row r="60" spans="1:1418" ht="12.75" customHeight="1" x14ac:dyDescent="0.2">
      <c r="A60" s="78"/>
      <c r="B60" s="79"/>
      <c r="C60" s="79"/>
      <c r="D60" s="79"/>
      <c r="E60" s="79"/>
      <c r="F60" s="79"/>
      <c r="G60" s="79"/>
      <c r="H60" s="79"/>
      <c r="I60" s="79"/>
      <c r="J60" s="15"/>
    </row>
    <row r="61" spans="1:1418" s="80" customFormat="1" ht="15" customHeight="1" x14ac:dyDescent="0.2">
      <c r="A61" s="178" t="s">
        <v>65</v>
      </c>
      <c r="B61" s="178"/>
      <c r="C61" s="178"/>
      <c r="D61" s="178"/>
      <c r="E61" s="178"/>
      <c r="F61" s="178"/>
      <c r="G61" s="178"/>
      <c r="H61" s="178"/>
      <c r="I61" s="178"/>
      <c r="J61" s="178"/>
    </row>
    <row r="62" spans="1:1418" s="80" customFormat="1" ht="42" customHeight="1" x14ac:dyDescent="0.2">
      <c r="A62" s="178"/>
      <c r="B62" s="178"/>
      <c r="C62" s="178"/>
      <c r="D62" s="178"/>
      <c r="E62" s="178"/>
      <c r="F62" s="178"/>
      <c r="G62" s="178"/>
      <c r="H62" s="178"/>
      <c r="I62" s="178"/>
      <c r="J62" s="178"/>
    </row>
    <row r="63" spans="1:1418" s="80" customFormat="1" ht="3" customHeight="1" x14ac:dyDescent="0.2">
      <c r="A63" s="81"/>
      <c r="B63" s="81"/>
      <c r="C63" s="108"/>
      <c r="D63" s="81"/>
      <c r="E63" s="107"/>
      <c r="F63" s="81"/>
      <c r="G63" s="81"/>
      <c r="H63" s="81"/>
      <c r="I63" s="81"/>
      <c r="J63" s="81"/>
    </row>
    <row r="64" spans="1:1418" s="80" customFormat="1" ht="15" customHeight="1" x14ac:dyDescent="0.2">
      <c r="A64" s="82" t="s">
        <v>17</v>
      </c>
      <c r="B64" s="83"/>
      <c r="C64" s="83"/>
      <c r="D64" s="83"/>
      <c r="E64" s="83"/>
      <c r="F64" s="83"/>
      <c r="G64" s="83"/>
      <c r="H64" s="83"/>
      <c r="I64" s="83"/>
      <c r="J64" s="83"/>
    </row>
    <row r="65" spans="1:1418" s="80" customFormat="1" ht="3" customHeight="1" x14ac:dyDescent="0.2">
      <c r="A65" s="81"/>
      <c r="B65" s="81"/>
      <c r="C65" s="108"/>
      <c r="D65" s="81"/>
      <c r="E65" s="107"/>
      <c r="F65" s="81"/>
      <c r="G65" s="81"/>
      <c r="H65" s="81"/>
      <c r="I65" s="81"/>
      <c r="J65" s="81"/>
    </row>
    <row r="66" spans="1:1418" s="80" customFormat="1" ht="16.5" customHeight="1" x14ac:dyDescent="0.2">
      <c r="A66" s="25" t="s">
        <v>62</v>
      </c>
      <c r="B66" s="25"/>
      <c r="C66" s="25"/>
      <c r="D66" s="25"/>
      <c r="E66" s="25"/>
      <c r="F66" s="25"/>
      <c r="G66" s="25"/>
      <c r="H66" s="25"/>
      <c r="I66" s="25"/>
      <c r="J66" s="25"/>
    </row>
    <row r="67" spans="1:1418" s="85" customFormat="1" ht="15" customHeight="1" x14ac:dyDescent="0.2">
      <c r="A67" s="191" t="s">
        <v>91</v>
      </c>
      <c r="B67" s="191"/>
      <c r="C67" s="191"/>
      <c r="D67" s="191"/>
      <c r="E67" s="191"/>
      <c r="F67" s="191"/>
      <c r="G67" s="191"/>
      <c r="H67" s="191"/>
      <c r="I67" s="191"/>
      <c r="J67" s="191"/>
      <c r="K67" s="84"/>
      <c r="L67" s="84"/>
      <c r="M67" s="84"/>
      <c r="N67" s="84"/>
      <c r="O67" s="84"/>
      <c r="P67" s="84"/>
      <c r="Q67" s="84"/>
      <c r="R67" s="84"/>
      <c r="S67" s="84"/>
      <c r="T67" s="84"/>
      <c r="U67" s="84"/>
      <c r="V67" s="84"/>
      <c r="W67" s="84"/>
      <c r="X67" s="84"/>
      <c r="Y67" s="84"/>
      <c r="Z67" s="84"/>
      <c r="AA67" s="84"/>
      <c r="AB67" s="84"/>
      <c r="AC67" s="84"/>
      <c r="AD67" s="84"/>
      <c r="AE67" s="84"/>
      <c r="AF67" s="84"/>
      <c r="AG67" s="84"/>
      <c r="AH67" s="84"/>
      <c r="AI67" s="84"/>
      <c r="AJ67" s="84"/>
      <c r="AK67" s="84"/>
      <c r="AL67" s="84"/>
      <c r="AM67" s="84"/>
      <c r="AN67" s="84"/>
      <c r="AO67" s="84"/>
      <c r="AP67" s="84"/>
      <c r="AQ67" s="84"/>
      <c r="AR67" s="84"/>
      <c r="AS67" s="84"/>
      <c r="AT67" s="84"/>
      <c r="AU67" s="84"/>
      <c r="AV67" s="84"/>
      <c r="AW67" s="84"/>
      <c r="AX67" s="84"/>
      <c r="AY67" s="84"/>
      <c r="AZ67" s="84"/>
      <c r="BA67" s="84"/>
      <c r="BB67" s="84"/>
      <c r="BC67" s="84"/>
      <c r="BD67" s="84"/>
      <c r="BE67" s="84"/>
      <c r="BF67" s="84"/>
      <c r="BG67" s="84"/>
      <c r="BH67" s="84"/>
      <c r="BI67" s="84"/>
      <c r="BJ67" s="84"/>
      <c r="BK67" s="84"/>
      <c r="BL67" s="84"/>
      <c r="BM67" s="84"/>
      <c r="BN67" s="84"/>
      <c r="BO67" s="84"/>
      <c r="BP67" s="84"/>
      <c r="BQ67" s="84"/>
      <c r="BR67" s="84"/>
      <c r="BS67" s="84"/>
      <c r="BT67" s="84"/>
      <c r="BU67" s="84"/>
      <c r="BV67" s="84"/>
      <c r="BW67" s="84"/>
      <c r="BX67" s="84"/>
      <c r="BY67" s="84"/>
      <c r="BZ67" s="84"/>
      <c r="CA67" s="84"/>
      <c r="CB67" s="84"/>
      <c r="CC67" s="84"/>
      <c r="CD67" s="84"/>
      <c r="CE67" s="84"/>
      <c r="CF67" s="84"/>
      <c r="CG67" s="84"/>
      <c r="CH67" s="84"/>
      <c r="CI67" s="84"/>
      <c r="CJ67" s="84"/>
      <c r="CK67" s="84"/>
      <c r="CL67" s="84"/>
      <c r="CM67" s="84"/>
      <c r="CN67" s="84"/>
      <c r="CO67" s="84"/>
      <c r="CP67" s="84"/>
      <c r="CQ67" s="84"/>
      <c r="CR67" s="84"/>
      <c r="CS67" s="84"/>
      <c r="CT67" s="84"/>
      <c r="CU67" s="84"/>
      <c r="CV67" s="84"/>
      <c r="CW67" s="84"/>
      <c r="CX67" s="84"/>
      <c r="CY67" s="84"/>
      <c r="CZ67" s="84"/>
      <c r="DA67" s="84"/>
      <c r="DB67" s="84"/>
      <c r="DC67" s="84"/>
      <c r="DD67" s="84"/>
      <c r="DE67" s="84"/>
      <c r="DF67" s="84"/>
      <c r="DG67" s="84"/>
      <c r="DH67" s="84"/>
      <c r="DI67" s="84"/>
      <c r="DJ67" s="84"/>
      <c r="DK67" s="84"/>
      <c r="DL67" s="84"/>
      <c r="DM67" s="84"/>
      <c r="DN67" s="84"/>
      <c r="DO67" s="84"/>
      <c r="DP67" s="84"/>
      <c r="DQ67" s="84"/>
      <c r="DR67" s="84"/>
      <c r="DS67" s="84"/>
      <c r="DT67" s="84"/>
      <c r="DU67" s="84"/>
      <c r="DV67" s="84"/>
      <c r="DW67" s="84"/>
      <c r="DX67" s="84"/>
      <c r="DY67" s="84"/>
      <c r="DZ67" s="84"/>
      <c r="EA67" s="84"/>
      <c r="EB67" s="84"/>
      <c r="EC67" s="84"/>
      <c r="ED67" s="84"/>
      <c r="EE67" s="84"/>
      <c r="EF67" s="84"/>
      <c r="EG67" s="84"/>
      <c r="EH67" s="84"/>
      <c r="EI67" s="84"/>
      <c r="EJ67" s="84"/>
      <c r="EK67" s="84"/>
      <c r="EL67" s="84"/>
      <c r="EM67" s="84"/>
      <c r="EN67" s="84"/>
      <c r="EO67" s="84"/>
      <c r="EP67" s="84"/>
      <c r="EQ67" s="84"/>
      <c r="ER67" s="84"/>
      <c r="ES67" s="84"/>
      <c r="ET67" s="84"/>
      <c r="EU67" s="84"/>
      <c r="EV67" s="84"/>
      <c r="EW67" s="84"/>
      <c r="EX67" s="84"/>
      <c r="EY67" s="84"/>
      <c r="EZ67" s="84"/>
      <c r="FA67" s="84"/>
      <c r="FB67" s="84"/>
      <c r="FC67" s="84"/>
      <c r="FD67" s="84"/>
      <c r="FE67" s="84"/>
      <c r="FF67" s="84"/>
      <c r="FG67" s="84"/>
      <c r="FH67" s="84"/>
      <c r="FI67" s="84"/>
      <c r="FJ67" s="84"/>
      <c r="FK67" s="84"/>
      <c r="FL67" s="84"/>
      <c r="FM67" s="84"/>
      <c r="FN67" s="84"/>
      <c r="FO67" s="84"/>
      <c r="FP67" s="84"/>
      <c r="FQ67" s="84"/>
      <c r="FR67" s="84"/>
      <c r="FS67" s="84"/>
      <c r="FT67" s="84"/>
      <c r="FU67" s="84"/>
      <c r="FV67" s="84"/>
      <c r="FW67" s="84"/>
      <c r="FX67" s="84"/>
      <c r="FY67" s="84"/>
      <c r="FZ67" s="84"/>
      <c r="GA67" s="84"/>
      <c r="GB67" s="84"/>
      <c r="GC67" s="84"/>
      <c r="GD67" s="84"/>
      <c r="GE67" s="84"/>
      <c r="GF67" s="84"/>
      <c r="GG67" s="84"/>
      <c r="GH67" s="84"/>
      <c r="GI67" s="84"/>
      <c r="GJ67" s="84"/>
      <c r="GK67" s="84"/>
      <c r="GL67" s="84"/>
      <c r="GM67" s="84"/>
      <c r="GN67" s="84"/>
      <c r="GO67" s="84"/>
      <c r="GP67" s="84"/>
      <c r="GQ67" s="84"/>
      <c r="GR67" s="84"/>
      <c r="GS67" s="84"/>
      <c r="GT67" s="84"/>
      <c r="GU67" s="84"/>
      <c r="GV67" s="84"/>
      <c r="GW67" s="84"/>
      <c r="GX67" s="84"/>
      <c r="GY67" s="84"/>
      <c r="GZ67" s="84"/>
      <c r="HA67" s="84"/>
      <c r="HB67" s="84"/>
      <c r="HC67" s="84"/>
      <c r="HD67" s="84"/>
      <c r="HE67" s="84"/>
      <c r="HF67" s="84"/>
      <c r="HG67" s="84"/>
      <c r="HH67" s="84"/>
      <c r="HI67" s="84"/>
      <c r="HJ67" s="84"/>
      <c r="HK67" s="84"/>
      <c r="HL67" s="84"/>
      <c r="HM67" s="84"/>
      <c r="HN67" s="84"/>
      <c r="HO67" s="84"/>
      <c r="HP67" s="84"/>
      <c r="HQ67" s="84"/>
      <c r="HR67" s="84"/>
      <c r="HS67" s="84"/>
      <c r="HT67" s="84"/>
      <c r="HU67" s="84"/>
      <c r="HV67" s="84"/>
      <c r="HW67" s="84"/>
      <c r="HX67" s="84"/>
      <c r="HY67" s="84"/>
      <c r="HZ67" s="84"/>
      <c r="IA67" s="84"/>
      <c r="IB67" s="84"/>
      <c r="IC67" s="84"/>
      <c r="ID67" s="84"/>
      <c r="IE67" s="84"/>
      <c r="IF67" s="84"/>
      <c r="IG67" s="84"/>
      <c r="IH67" s="84"/>
      <c r="II67" s="84"/>
      <c r="IJ67" s="84"/>
      <c r="IK67" s="84"/>
      <c r="IL67" s="84"/>
      <c r="IM67" s="84"/>
      <c r="IN67" s="84"/>
      <c r="IO67" s="84"/>
      <c r="IP67" s="84"/>
      <c r="IQ67" s="84"/>
      <c r="IR67" s="84"/>
      <c r="IS67" s="84"/>
      <c r="IT67" s="84"/>
      <c r="IU67" s="84"/>
      <c r="IV67" s="84"/>
      <c r="IW67" s="84"/>
      <c r="IX67" s="84"/>
      <c r="IY67" s="84"/>
      <c r="IZ67" s="84"/>
      <c r="JA67" s="84"/>
      <c r="JB67" s="84"/>
      <c r="JC67" s="84"/>
      <c r="JD67" s="84"/>
      <c r="JE67" s="84"/>
      <c r="JF67" s="84"/>
      <c r="JG67" s="84"/>
      <c r="JH67" s="84"/>
      <c r="JI67" s="84"/>
      <c r="JJ67" s="84"/>
      <c r="JK67" s="84"/>
      <c r="JL67" s="84"/>
      <c r="JM67" s="84"/>
      <c r="JN67" s="84"/>
      <c r="JO67" s="84"/>
      <c r="JP67" s="84"/>
      <c r="JQ67" s="84"/>
      <c r="JR67" s="84"/>
      <c r="JS67" s="84"/>
      <c r="JT67" s="84"/>
      <c r="JU67" s="84"/>
      <c r="JV67" s="84"/>
      <c r="JW67" s="84"/>
      <c r="JX67" s="84"/>
      <c r="JY67" s="84"/>
      <c r="JZ67" s="84"/>
      <c r="KA67" s="84"/>
      <c r="KB67" s="84"/>
      <c r="KC67" s="84"/>
      <c r="KD67" s="84"/>
      <c r="KE67" s="84"/>
      <c r="KF67" s="84"/>
      <c r="KG67" s="84"/>
      <c r="KH67" s="84"/>
      <c r="KI67" s="84"/>
      <c r="KJ67" s="84"/>
      <c r="KK67" s="84"/>
      <c r="KL67" s="84"/>
      <c r="KM67" s="84"/>
      <c r="KN67" s="84"/>
      <c r="KO67" s="84"/>
      <c r="KP67" s="84"/>
      <c r="KQ67" s="84"/>
      <c r="KR67" s="84"/>
      <c r="KS67" s="84"/>
      <c r="KT67" s="84"/>
      <c r="KU67" s="84"/>
      <c r="KV67" s="84"/>
      <c r="KW67" s="84"/>
      <c r="KX67" s="84"/>
      <c r="KY67" s="84"/>
      <c r="KZ67" s="84"/>
      <c r="LA67" s="84"/>
      <c r="LB67" s="84"/>
      <c r="LC67" s="84"/>
      <c r="LD67" s="84"/>
      <c r="LE67" s="84"/>
      <c r="LF67" s="84"/>
      <c r="LG67" s="84"/>
      <c r="LH67" s="84"/>
      <c r="LI67" s="84"/>
      <c r="LJ67" s="84"/>
      <c r="LK67" s="84"/>
      <c r="LL67" s="84"/>
      <c r="LM67" s="84"/>
      <c r="LN67" s="84"/>
      <c r="LO67" s="84"/>
      <c r="LP67" s="84"/>
      <c r="LQ67" s="84"/>
      <c r="LR67" s="84"/>
      <c r="LS67" s="84"/>
      <c r="LT67" s="84"/>
      <c r="LU67" s="84"/>
      <c r="LV67" s="84"/>
      <c r="LW67" s="84"/>
      <c r="LX67" s="84"/>
      <c r="LY67" s="84"/>
      <c r="LZ67" s="84"/>
      <c r="MA67" s="84"/>
      <c r="MB67" s="84"/>
      <c r="MC67" s="84"/>
      <c r="MD67" s="84"/>
      <c r="ME67" s="84"/>
      <c r="MF67" s="84"/>
      <c r="MG67" s="84"/>
      <c r="MH67" s="84"/>
      <c r="MI67" s="84"/>
      <c r="MJ67" s="84"/>
      <c r="MK67" s="84"/>
      <c r="ML67" s="84"/>
      <c r="MM67" s="84"/>
      <c r="MN67" s="84"/>
      <c r="MO67" s="84"/>
      <c r="MP67" s="84"/>
      <c r="MQ67" s="84"/>
      <c r="MR67" s="84"/>
      <c r="MS67" s="84"/>
      <c r="MT67" s="84"/>
      <c r="MU67" s="84"/>
      <c r="MV67" s="84"/>
      <c r="MW67" s="84"/>
      <c r="MX67" s="84"/>
      <c r="MY67" s="84"/>
      <c r="MZ67" s="84"/>
      <c r="NA67" s="84"/>
      <c r="NB67" s="84"/>
      <c r="NC67" s="84"/>
      <c r="ND67" s="84"/>
      <c r="NE67" s="84"/>
      <c r="NF67" s="84"/>
      <c r="NG67" s="84"/>
      <c r="NH67" s="84"/>
      <c r="NI67" s="84"/>
      <c r="NJ67" s="84"/>
      <c r="NK67" s="84"/>
      <c r="NL67" s="84"/>
      <c r="NM67" s="84"/>
      <c r="NN67" s="84"/>
      <c r="NO67" s="84"/>
      <c r="NP67" s="84"/>
      <c r="NQ67" s="84"/>
      <c r="NR67" s="84"/>
      <c r="NS67" s="84"/>
      <c r="NT67" s="84"/>
      <c r="NU67" s="84"/>
      <c r="NV67" s="84"/>
      <c r="NW67" s="84"/>
      <c r="NX67" s="84"/>
      <c r="NY67" s="84"/>
      <c r="NZ67" s="84"/>
      <c r="OA67" s="84"/>
      <c r="OB67" s="84"/>
      <c r="OC67" s="84"/>
      <c r="OD67" s="84"/>
      <c r="OE67" s="84"/>
      <c r="OF67" s="84"/>
      <c r="OG67" s="84"/>
      <c r="OH67" s="84"/>
      <c r="OI67" s="84"/>
      <c r="OJ67" s="84"/>
      <c r="OK67" s="84"/>
      <c r="OL67" s="84"/>
      <c r="OM67" s="84"/>
      <c r="ON67" s="84"/>
      <c r="OO67" s="84"/>
      <c r="OP67" s="84"/>
      <c r="OQ67" s="84"/>
      <c r="OR67" s="84"/>
      <c r="OS67" s="84"/>
      <c r="OT67" s="84"/>
      <c r="OU67" s="84"/>
      <c r="OV67" s="84"/>
      <c r="OW67" s="84"/>
      <c r="OX67" s="84"/>
      <c r="OY67" s="84"/>
      <c r="OZ67" s="84"/>
      <c r="PA67" s="84"/>
      <c r="PB67" s="84"/>
      <c r="PC67" s="84"/>
      <c r="PD67" s="84"/>
      <c r="PE67" s="84"/>
      <c r="PF67" s="84"/>
      <c r="PG67" s="84"/>
      <c r="PH67" s="84"/>
      <c r="PI67" s="84"/>
      <c r="PJ67" s="84"/>
      <c r="PK67" s="84"/>
      <c r="PL67" s="84"/>
      <c r="PM67" s="84"/>
      <c r="PN67" s="84"/>
      <c r="PO67" s="84"/>
      <c r="PP67" s="84"/>
      <c r="PQ67" s="84"/>
      <c r="PR67" s="84"/>
      <c r="PS67" s="84"/>
      <c r="PT67" s="84"/>
      <c r="PU67" s="84"/>
      <c r="PV67" s="84"/>
      <c r="PW67" s="84"/>
      <c r="PX67" s="84"/>
      <c r="PY67" s="84"/>
      <c r="PZ67" s="84"/>
      <c r="QA67" s="84"/>
      <c r="QB67" s="84"/>
      <c r="QC67" s="84"/>
      <c r="QD67" s="84"/>
      <c r="QE67" s="84"/>
      <c r="QF67" s="84"/>
      <c r="QG67" s="84"/>
      <c r="QH67" s="84"/>
      <c r="QI67" s="84"/>
      <c r="QJ67" s="84"/>
      <c r="QK67" s="84"/>
      <c r="QL67" s="84"/>
      <c r="QM67" s="84"/>
      <c r="QN67" s="84"/>
      <c r="QO67" s="84"/>
      <c r="QP67" s="84"/>
      <c r="QQ67" s="84"/>
      <c r="QR67" s="84"/>
      <c r="QS67" s="84"/>
      <c r="QT67" s="84"/>
      <c r="QU67" s="84"/>
      <c r="QV67" s="84"/>
      <c r="QW67" s="84"/>
      <c r="QX67" s="84"/>
      <c r="QY67" s="84"/>
      <c r="QZ67" s="84"/>
      <c r="RA67" s="84"/>
      <c r="RB67" s="84"/>
      <c r="RC67" s="84"/>
      <c r="RD67" s="84"/>
      <c r="RE67" s="84"/>
      <c r="RF67" s="84"/>
      <c r="RG67" s="84"/>
      <c r="RH67" s="84"/>
      <c r="RI67" s="84"/>
      <c r="RJ67" s="84"/>
      <c r="RK67" s="84"/>
      <c r="RL67" s="84"/>
      <c r="RM67" s="84"/>
      <c r="RN67" s="84"/>
      <c r="RO67" s="84"/>
      <c r="RP67" s="84"/>
      <c r="RQ67" s="84"/>
      <c r="RR67" s="84"/>
      <c r="RS67" s="84"/>
      <c r="RT67" s="84"/>
      <c r="RU67" s="84"/>
      <c r="RV67" s="84"/>
      <c r="RW67" s="84"/>
      <c r="RX67" s="84"/>
      <c r="RY67" s="84"/>
      <c r="RZ67" s="84"/>
      <c r="SA67" s="84"/>
      <c r="SB67" s="84"/>
      <c r="SC67" s="84"/>
      <c r="SD67" s="84"/>
      <c r="SE67" s="84"/>
      <c r="SF67" s="84"/>
      <c r="SG67" s="84"/>
      <c r="SH67" s="84"/>
      <c r="SI67" s="84"/>
      <c r="SJ67" s="84"/>
      <c r="SK67" s="84"/>
      <c r="SL67" s="84"/>
      <c r="SM67" s="84"/>
      <c r="SN67" s="84"/>
      <c r="SO67" s="84"/>
      <c r="SP67" s="84"/>
      <c r="SQ67" s="84"/>
      <c r="SR67" s="84"/>
      <c r="SS67" s="84"/>
      <c r="ST67" s="84"/>
      <c r="SU67" s="84"/>
      <c r="SV67" s="84"/>
      <c r="SW67" s="84"/>
      <c r="SX67" s="84"/>
      <c r="SY67" s="84"/>
      <c r="SZ67" s="84"/>
      <c r="TA67" s="84"/>
      <c r="TB67" s="84"/>
      <c r="TC67" s="84"/>
      <c r="TD67" s="84"/>
      <c r="TE67" s="84"/>
      <c r="TF67" s="84"/>
      <c r="TG67" s="84"/>
      <c r="TH67" s="84"/>
      <c r="TI67" s="84"/>
      <c r="TJ67" s="84"/>
      <c r="TK67" s="84"/>
      <c r="TL67" s="84"/>
      <c r="TM67" s="84"/>
      <c r="TN67" s="84"/>
      <c r="TO67" s="84"/>
      <c r="TP67" s="84"/>
      <c r="TQ67" s="84"/>
      <c r="TR67" s="84"/>
      <c r="TS67" s="84"/>
      <c r="TT67" s="84"/>
      <c r="TU67" s="84"/>
      <c r="TV67" s="84"/>
      <c r="TW67" s="84"/>
      <c r="TX67" s="84"/>
      <c r="TY67" s="84"/>
      <c r="TZ67" s="84"/>
      <c r="UA67" s="84"/>
      <c r="UB67" s="84"/>
      <c r="UC67" s="84"/>
      <c r="UD67" s="84"/>
      <c r="UE67" s="84"/>
      <c r="UF67" s="84"/>
      <c r="UG67" s="84"/>
      <c r="UH67" s="84"/>
      <c r="UI67" s="84"/>
      <c r="UJ67" s="84"/>
      <c r="UK67" s="84"/>
      <c r="UL67" s="84"/>
      <c r="UM67" s="84"/>
      <c r="UN67" s="84"/>
      <c r="UO67" s="84"/>
      <c r="UP67" s="84"/>
      <c r="UQ67" s="84"/>
      <c r="UR67" s="84"/>
      <c r="US67" s="84"/>
      <c r="UT67" s="84"/>
      <c r="UU67" s="84"/>
      <c r="UV67" s="84"/>
      <c r="UW67" s="84"/>
      <c r="UX67" s="84"/>
      <c r="UY67" s="84"/>
      <c r="UZ67" s="84"/>
      <c r="VA67" s="84"/>
      <c r="VB67" s="84"/>
      <c r="VC67" s="84"/>
      <c r="VD67" s="84"/>
      <c r="VE67" s="84"/>
      <c r="VF67" s="84"/>
      <c r="VG67" s="84"/>
      <c r="VH67" s="84"/>
      <c r="VI67" s="84"/>
      <c r="VJ67" s="84"/>
      <c r="VK67" s="84"/>
      <c r="VL67" s="84"/>
      <c r="VM67" s="84"/>
      <c r="VN67" s="84"/>
      <c r="VO67" s="84"/>
      <c r="VP67" s="84"/>
      <c r="VQ67" s="84"/>
      <c r="VR67" s="84"/>
      <c r="VS67" s="84"/>
      <c r="VT67" s="84"/>
      <c r="VU67" s="84"/>
      <c r="VV67" s="84"/>
      <c r="VW67" s="84"/>
      <c r="VX67" s="84"/>
      <c r="VY67" s="84"/>
      <c r="VZ67" s="84"/>
      <c r="WA67" s="84"/>
      <c r="WB67" s="84"/>
      <c r="WC67" s="84"/>
      <c r="WD67" s="84"/>
      <c r="WE67" s="84"/>
      <c r="WF67" s="84"/>
      <c r="WG67" s="84"/>
      <c r="WH67" s="84"/>
      <c r="WI67" s="84"/>
      <c r="WJ67" s="84"/>
      <c r="WK67" s="84"/>
      <c r="WL67" s="84"/>
      <c r="WM67" s="84"/>
      <c r="WN67" s="84"/>
      <c r="WO67" s="84"/>
      <c r="WP67" s="84"/>
      <c r="WQ67" s="84"/>
      <c r="WR67" s="84"/>
      <c r="WS67" s="84"/>
      <c r="WT67" s="84"/>
      <c r="WU67" s="84"/>
      <c r="WV67" s="84"/>
      <c r="WW67" s="84"/>
      <c r="WX67" s="84"/>
      <c r="WY67" s="84"/>
      <c r="WZ67" s="84"/>
      <c r="XA67" s="84"/>
      <c r="XB67" s="84"/>
      <c r="XC67" s="84"/>
      <c r="XD67" s="84"/>
      <c r="XE67" s="84"/>
      <c r="XF67" s="84"/>
      <c r="XG67" s="84"/>
      <c r="XH67" s="84"/>
      <c r="XI67" s="84"/>
      <c r="XJ67" s="84"/>
      <c r="XK67" s="84"/>
      <c r="XL67" s="84"/>
      <c r="XM67" s="84"/>
      <c r="XN67" s="84"/>
      <c r="XO67" s="84"/>
      <c r="XP67" s="84"/>
      <c r="XQ67" s="84"/>
      <c r="XR67" s="84"/>
      <c r="XS67" s="84"/>
      <c r="XT67" s="84"/>
      <c r="XU67" s="84"/>
      <c r="XV67" s="84"/>
      <c r="XW67" s="84"/>
      <c r="XX67" s="84"/>
      <c r="XY67" s="84"/>
      <c r="XZ67" s="84"/>
      <c r="YA67" s="84"/>
      <c r="YB67" s="84"/>
      <c r="YC67" s="84"/>
      <c r="YD67" s="84"/>
      <c r="YE67" s="84"/>
      <c r="YF67" s="84"/>
      <c r="YG67" s="84"/>
      <c r="YH67" s="84"/>
      <c r="YI67" s="84"/>
      <c r="YJ67" s="84"/>
      <c r="YK67" s="84"/>
      <c r="YL67" s="84"/>
      <c r="YM67" s="84"/>
      <c r="YN67" s="84"/>
      <c r="YO67" s="84"/>
      <c r="YP67" s="84"/>
      <c r="YQ67" s="84"/>
      <c r="YR67" s="84"/>
      <c r="YS67" s="84"/>
      <c r="YT67" s="84"/>
      <c r="YU67" s="84"/>
      <c r="YV67" s="84"/>
      <c r="YW67" s="84"/>
      <c r="YX67" s="84"/>
      <c r="YY67" s="84"/>
      <c r="YZ67" s="84"/>
      <c r="ZA67" s="84"/>
      <c r="ZB67" s="84"/>
      <c r="ZC67" s="84"/>
      <c r="ZD67" s="84"/>
      <c r="ZE67" s="84"/>
      <c r="ZF67" s="84"/>
      <c r="ZG67" s="84"/>
      <c r="ZH67" s="84"/>
      <c r="ZI67" s="84"/>
      <c r="ZJ67" s="84"/>
      <c r="ZK67" s="84"/>
      <c r="ZL67" s="84"/>
      <c r="ZM67" s="84"/>
      <c r="ZN67" s="84"/>
      <c r="ZO67" s="84"/>
      <c r="ZP67" s="84"/>
      <c r="ZQ67" s="84"/>
      <c r="ZR67" s="84"/>
      <c r="ZS67" s="84"/>
      <c r="ZT67" s="84"/>
      <c r="ZU67" s="84"/>
      <c r="ZV67" s="84"/>
      <c r="ZW67" s="84"/>
      <c r="ZX67" s="84"/>
      <c r="ZY67" s="84"/>
      <c r="ZZ67" s="84"/>
      <c r="AAA67" s="84"/>
      <c r="AAB67" s="84"/>
      <c r="AAC67" s="84"/>
      <c r="AAD67" s="84"/>
      <c r="AAE67" s="84"/>
      <c r="AAF67" s="84"/>
      <c r="AAG67" s="84"/>
      <c r="AAH67" s="84"/>
      <c r="AAI67" s="84"/>
      <c r="AAJ67" s="84"/>
      <c r="AAK67" s="84"/>
      <c r="AAL67" s="84"/>
      <c r="AAM67" s="84"/>
      <c r="AAN67" s="84"/>
      <c r="AAO67" s="84"/>
      <c r="AAP67" s="84"/>
      <c r="AAQ67" s="84"/>
      <c r="AAR67" s="84"/>
      <c r="AAS67" s="84"/>
      <c r="AAT67" s="84"/>
      <c r="AAU67" s="84"/>
      <c r="AAV67" s="84"/>
      <c r="AAW67" s="84"/>
      <c r="AAX67" s="84"/>
      <c r="AAY67" s="84"/>
      <c r="AAZ67" s="84"/>
      <c r="ABA67" s="84"/>
      <c r="ABB67" s="84"/>
      <c r="ABC67" s="84"/>
      <c r="ABD67" s="84"/>
      <c r="ABE67" s="84"/>
      <c r="ABF67" s="84"/>
      <c r="ABG67" s="84"/>
      <c r="ABH67" s="84"/>
      <c r="ABI67" s="84"/>
      <c r="ABJ67" s="84"/>
      <c r="ABK67" s="84"/>
      <c r="ABL67" s="84"/>
      <c r="ABM67" s="84"/>
      <c r="ABN67" s="84"/>
      <c r="ABO67" s="84"/>
      <c r="ABP67" s="84"/>
      <c r="ABQ67" s="84"/>
      <c r="ABR67" s="84"/>
      <c r="ABS67" s="84"/>
      <c r="ABT67" s="84"/>
      <c r="ABU67" s="84"/>
      <c r="ABV67" s="84"/>
      <c r="ABW67" s="84"/>
      <c r="ABX67" s="84"/>
      <c r="ABY67" s="84"/>
      <c r="ABZ67" s="84"/>
      <c r="ACA67" s="84"/>
      <c r="ACB67" s="84"/>
      <c r="ACC67" s="84"/>
      <c r="ACD67" s="84"/>
      <c r="ACE67" s="84"/>
      <c r="ACF67" s="84"/>
      <c r="ACG67" s="84"/>
      <c r="ACH67" s="84"/>
      <c r="ACI67" s="84"/>
      <c r="ACJ67" s="84"/>
      <c r="ACK67" s="84"/>
      <c r="ACL67" s="84"/>
      <c r="ACM67" s="84"/>
      <c r="ACN67" s="84"/>
      <c r="ACO67" s="84"/>
      <c r="ACP67" s="84"/>
      <c r="ACQ67" s="84"/>
      <c r="ACR67" s="84"/>
      <c r="ACS67" s="84"/>
      <c r="ACT67" s="84"/>
      <c r="ACU67" s="84"/>
      <c r="ACV67" s="84"/>
      <c r="ACW67" s="84"/>
      <c r="ACX67" s="84"/>
      <c r="ACY67" s="84"/>
      <c r="ACZ67" s="84"/>
      <c r="ADA67" s="84"/>
      <c r="ADB67" s="84"/>
      <c r="ADC67" s="84"/>
      <c r="ADD67" s="84"/>
      <c r="ADE67" s="84"/>
      <c r="ADF67" s="84"/>
      <c r="ADG67" s="84"/>
      <c r="ADH67" s="84"/>
      <c r="ADI67" s="84"/>
      <c r="ADJ67" s="84"/>
      <c r="ADK67" s="84"/>
      <c r="ADL67" s="84"/>
      <c r="ADM67" s="84"/>
      <c r="ADN67" s="84"/>
      <c r="ADO67" s="84"/>
      <c r="ADP67" s="84"/>
      <c r="ADQ67" s="84"/>
      <c r="ADR67" s="84"/>
      <c r="ADS67" s="84"/>
      <c r="ADT67" s="84"/>
      <c r="ADU67" s="84"/>
      <c r="ADV67" s="84"/>
      <c r="ADW67" s="84"/>
      <c r="ADX67" s="84"/>
      <c r="ADY67" s="84"/>
      <c r="ADZ67" s="84"/>
      <c r="AEA67" s="84"/>
      <c r="AEB67" s="84"/>
      <c r="AEC67" s="84"/>
      <c r="AED67" s="84"/>
      <c r="AEE67" s="84"/>
      <c r="AEF67" s="84"/>
      <c r="AEG67" s="84"/>
      <c r="AEH67" s="84"/>
      <c r="AEI67" s="84"/>
      <c r="AEJ67" s="84"/>
      <c r="AEK67" s="84"/>
      <c r="AEL67" s="84"/>
      <c r="AEM67" s="84"/>
      <c r="AEN67" s="84"/>
      <c r="AEO67" s="84"/>
      <c r="AEP67" s="84"/>
      <c r="AEQ67" s="84"/>
      <c r="AER67" s="84"/>
      <c r="AES67" s="84"/>
      <c r="AET67" s="84"/>
      <c r="AEU67" s="84"/>
      <c r="AEV67" s="84"/>
      <c r="AEW67" s="84"/>
      <c r="AEX67" s="84"/>
      <c r="AEY67" s="84"/>
      <c r="AEZ67" s="84"/>
      <c r="AFA67" s="84"/>
      <c r="AFB67" s="84"/>
      <c r="AFC67" s="84"/>
      <c r="AFD67" s="84"/>
      <c r="AFE67" s="84"/>
      <c r="AFF67" s="84"/>
      <c r="AFG67" s="84"/>
      <c r="AFH67" s="84"/>
      <c r="AFI67" s="84"/>
      <c r="AFJ67" s="84"/>
      <c r="AFK67" s="84"/>
      <c r="AFL67" s="84"/>
      <c r="AFM67" s="84"/>
      <c r="AFN67" s="84"/>
      <c r="AFO67" s="84"/>
      <c r="AFP67" s="84"/>
      <c r="AFQ67" s="84"/>
      <c r="AFR67" s="84"/>
      <c r="AFS67" s="84"/>
      <c r="AFT67" s="84"/>
      <c r="AFU67" s="84"/>
      <c r="AFV67" s="84"/>
      <c r="AFW67" s="84"/>
      <c r="AFX67" s="84"/>
      <c r="AFY67" s="84"/>
      <c r="AFZ67" s="84"/>
      <c r="AGA67" s="84"/>
      <c r="AGB67" s="84"/>
      <c r="AGC67" s="84"/>
      <c r="AGD67" s="84"/>
      <c r="AGE67" s="84"/>
      <c r="AGF67" s="84"/>
      <c r="AGG67" s="84"/>
      <c r="AGH67" s="84"/>
      <c r="AGI67" s="84"/>
      <c r="AGJ67" s="84"/>
      <c r="AGK67" s="84"/>
      <c r="AGL67" s="84"/>
      <c r="AGM67" s="84"/>
      <c r="AGN67" s="84"/>
      <c r="AGO67" s="84"/>
      <c r="AGP67" s="84"/>
      <c r="AGQ67" s="84"/>
      <c r="AGR67" s="84"/>
      <c r="AGS67" s="84"/>
      <c r="AGT67" s="84"/>
      <c r="AGU67" s="84"/>
      <c r="AGV67" s="84"/>
      <c r="AGW67" s="84"/>
      <c r="AGX67" s="84"/>
      <c r="AGY67" s="84"/>
      <c r="AGZ67" s="84"/>
      <c r="AHA67" s="84"/>
      <c r="AHB67" s="84"/>
      <c r="AHC67" s="84"/>
      <c r="AHD67" s="84"/>
      <c r="AHE67" s="84"/>
      <c r="AHF67" s="84"/>
      <c r="AHG67" s="84"/>
      <c r="AHH67" s="84"/>
      <c r="AHI67" s="84"/>
      <c r="AHJ67" s="84"/>
      <c r="AHK67" s="84"/>
      <c r="AHL67" s="84"/>
      <c r="AHM67" s="84"/>
      <c r="AHN67" s="84"/>
      <c r="AHO67" s="84"/>
      <c r="AHP67" s="84"/>
      <c r="AHQ67" s="84"/>
      <c r="AHR67" s="84"/>
      <c r="AHS67" s="84"/>
      <c r="AHT67" s="84"/>
      <c r="AHU67" s="84"/>
      <c r="AHV67" s="84"/>
      <c r="AHW67" s="84"/>
      <c r="AHX67" s="84"/>
      <c r="AHY67" s="84"/>
      <c r="AHZ67" s="84"/>
      <c r="AIA67" s="84"/>
      <c r="AIB67" s="84"/>
      <c r="AIC67" s="84"/>
      <c r="AID67" s="84"/>
      <c r="AIE67" s="84"/>
      <c r="AIF67" s="84"/>
      <c r="AIG67" s="84"/>
      <c r="AIH67" s="84"/>
      <c r="AII67" s="84"/>
      <c r="AIJ67" s="84"/>
      <c r="AIK67" s="84"/>
      <c r="AIL67" s="84"/>
      <c r="AIM67" s="84"/>
      <c r="AIN67" s="84"/>
      <c r="AIO67" s="84"/>
      <c r="AIP67" s="84"/>
      <c r="AIQ67" s="84"/>
      <c r="AIR67" s="84"/>
      <c r="AIS67" s="84"/>
      <c r="AIT67" s="84"/>
      <c r="AIU67" s="84"/>
      <c r="AIV67" s="84"/>
      <c r="AIW67" s="84"/>
      <c r="AIX67" s="84"/>
      <c r="AIY67" s="84"/>
      <c r="AIZ67" s="84"/>
      <c r="AJA67" s="84"/>
      <c r="AJB67" s="84"/>
      <c r="AJC67" s="84"/>
      <c r="AJD67" s="84"/>
      <c r="AJE67" s="84"/>
      <c r="AJF67" s="84"/>
      <c r="AJG67" s="84"/>
      <c r="AJH67" s="84"/>
      <c r="AJI67" s="84"/>
      <c r="AJJ67" s="84"/>
      <c r="AJK67" s="84"/>
      <c r="AJL67" s="84"/>
      <c r="AJM67" s="84"/>
      <c r="AJN67" s="84"/>
      <c r="AJO67" s="84"/>
      <c r="AJP67" s="84"/>
      <c r="AJQ67" s="84"/>
      <c r="AJR67" s="84"/>
      <c r="AJS67" s="84"/>
      <c r="AJT67" s="84"/>
      <c r="AJU67" s="84"/>
      <c r="AJV67" s="84"/>
      <c r="AJW67" s="84"/>
      <c r="AJX67" s="84"/>
      <c r="AJY67" s="84"/>
      <c r="AJZ67" s="84"/>
      <c r="AKA67" s="84"/>
      <c r="AKB67" s="84"/>
      <c r="AKC67" s="84"/>
      <c r="AKD67" s="84"/>
      <c r="AKE67" s="84"/>
      <c r="AKF67" s="84"/>
      <c r="AKG67" s="84"/>
      <c r="AKH67" s="84"/>
      <c r="AKI67" s="84"/>
      <c r="AKJ67" s="84"/>
      <c r="AKK67" s="84"/>
      <c r="AKL67" s="84"/>
      <c r="AKM67" s="84"/>
      <c r="AKN67" s="84"/>
      <c r="AKO67" s="84"/>
      <c r="AKP67" s="84"/>
      <c r="AKQ67" s="84"/>
      <c r="AKR67" s="84"/>
      <c r="AKS67" s="84"/>
      <c r="AKT67" s="84"/>
      <c r="AKU67" s="84"/>
      <c r="AKV67" s="84"/>
      <c r="AKW67" s="84"/>
      <c r="AKX67" s="84"/>
      <c r="AKY67" s="84"/>
      <c r="AKZ67" s="84"/>
      <c r="ALA67" s="84"/>
      <c r="ALB67" s="84"/>
      <c r="ALC67" s="84"/>
      <c r="ALD67" s="84"/>
      <c r="ALE67" s="84"/>
      <c r="ALF67" s="84"/>
      <c r="ALG67" s="84"/>
      <c r="ALH67" s="84"/>
      <c r="ALI67" s="84"/>
      <c r="ALJ67" s="84"/>
      <c r="ALK67" s="84"/>
      <c r="ALL67" s="84"/>
      <c r="ALM67" s="84"/>
      <c r="ALN67" s="84"/>
      <c r="ALO67" s="84"/>
      <c r="ALP67" s="84"/>
      <c r="ALQ67" s="84"/>
      <c r="ALR67" s="84"/>
      <c r="ALS67" s="84"/>
      <c r="ALT67" s="84"/>
      <c r="ALU67" s="84"/>
      <c r="ALV67" s="84"/>
      <c r="ALW67" s="84"/>
      <c r="ALX67" s="84"/>
      <c r="ALY67" s="84"/>
      <c r="ALZ67" s="84"/>
      <c r="AMA67" s="84"/>
      <c r="AMB67" s="84"/>
      <c r="AMC67" s="84"/>
      <c r="AMD67" s="84"/>
      <c r="AME67" s="84"/>
      <c r="AMF67" s="84"/>
      <c r="AMG67" s="84"/>
      <c r="AMH67" s="84"/>
      <c r="AMI67" s="84"/>
      <c r="AMJ67" s="84"/>
      <c r="AMK67" s="84"/>
      <c r="AML67" s="84"/>
      <c r="AMM67" s="84"/>
      <c r="AMN67" s="84"/>
      <c r="AMO67" s="84"/>
      <c r="AMP67" s="84"/>
      <c r="AMQ67" s="84"/>
      <c r="AMR67" s="84"/>
      <c r="AMS67" s="84"/>
      <c r="AMT67" s="84"/>
      <c r="AMU67" s="84"/>
      <c r="AMV67" s="84"/>
      <c r="AMW67" s="84"/>
      <c r="AMX67" s="84"/>
      <c r="AMY67" s="84"/>
      <c r="AMZ67" s="84"/>
      <c r="ANA67" s="84"/>
      <c r="ANB67" s="84"/>
      <c r="ANC67" s="84"/>
      <c r="AND67" s="84"/>
      <c r="ANE67" s="84"/>
      <c r="ANF67" s="84"/>
      <c r="ANG67" s="84"/>
      <c r="ANH67" s="84"/>
      <c r="ANI67" s="84"/>
      <c r="ANJ67" s="84"/>
      <c r="ANK67" s="84"/>
      <c r="ANL67" s="84"/>
      <c r="ANM67" s="84"/>
      <c r="ANN67" s="84"/>
      <c r="ANO67" s="84"/>
      <c r="ANP67" s="84"/>
      <c r="ANQ67" s="84"/>
      <c r="ANR67" s="84"/>
      <c r="ANS67" s="84"/>
      <c r="ANT67" s="84"/>
      <c r="ANU67" s="84"/>
      <c r="ANV67" s="84"/>
      <c r="ANW67" s="84"/>
      <c r="ANX67" s="84"/>
      <c r="ANY67" s="84"/>
      <c r="ANZ67" s="84"/>
      <c r="AOA67" s="84"/>
      <c r="AOB67" s="84"/>
      <c r="AOC67" s="84"/>
      <c r="AOD67" s="84"/>
      <c r="AOE67" s="84"/>
      <c r="AOF67" s="84"/>
      <c r="AOG67" s="84"/>
      <c r="AOH67" s="84"/>
      <c r="AOI67" s="84"/>
      <c r="AOJ67" s="84"/>
      <c r="AOK67" s="84"/>
      <c r="AOL67" s="84"/>
      <c r="AOM67" s="84"/>
      <c r="AON67" s="84"/>
      <c r="AOO67" s="84"/>
      <c r="AOP67" s="84"/>
      <c r="AOQ67" s="84"/>
      <c r="AOR67" s="84"/>
      <c r="AOS67" s="84"/>
      <c r="AOT67" s="84"/>
      <c r="AOU67" s="84"/>
      <c r="AOV67" s="84"/>
      <c r="AOW67" s="84"/>
      <c r="AOX67" s="84"/>
      <c r="AOY67" s="84"/>
      <c r="AOZ67" s="84"/>
      <c r="APA67" s="84"/>
      <c r="APB67" s="84"/>
      <c r="APC67" s="84"/>
      <c r="APD67" s="84"/>
      <c r="APE67" s="84"/>
      <c r="APF67" s="84"/>
      <c r="APG67" s="84"/>
      <c r="APH67" s="84"/>
      <c r="API67" s="84"/>
      <c r="APJ67" s="84"/>
      <c r="APK67" s="84"/>
      <c r="APL67" s="84"/>
      <c r="APM67" s="84"/>
      <c r="APN67" s="84"/>
      <c r="APO67" s="84"/>
      <c r="APP67" s="84"/>
      <c r="APQ67" s="84"/>
      <c r="APR67" s="84"/>
      <c r="APS67" s="84"/>
      <c r="APT67" s="84"/>
      <c r="APU67" s="84"/>
      <c r="APV67" s="84"/>
      <c r="APW67" s="84"/>
      <c r="APX67" s="84"/>
      <c r="APY67" s="84"/>
      <c r="APZ67" s="84"/>
      <c r="AQA67" s="84"/>
      <c r="AQB67" s="84"/>
      <c r="AQC67" s="84"/>
      <c r="AQD67" s="84"/>
      <c r="AQE67" s="84"/>
      <c r="AQF67" s="84"/>
      <c r="AQG67" s="84"/>
      <c r="AQH67" s="84"/>
      <c r="AQI67" s="84"/>
      <c r="AQJ67" s="84"/>
      <c r="AQK67" s="84"/>
      <c r="AQL67" s="84"/>
      <c r="AQM67" s="84"/>
      <c r="AQN67" s="84"/>
      <c r="AQO67" s="84"/>
      <c r="AQP67" s="84"/>
      <c r="AQQ67" s="84"/>
      <c r="AQR67" s="84"/>
      <c r="AQS67" s="84"/>
      <c r="AQT67" s="84"/>
      <c r="AQU67" s="84"/>
      <c r="AQV67" s="84"/>
      <c r="AQW67" s="84"/>
      <c r="AQX67" s="84"/>
      <c r="AQY67" s="84"/>
      <c r="AQZ67" s="84"/>
      <c r="ARA67" s="84"/>
      <c r="ARB67" s="84"/>
      <c r="ARC67" s="84"/>
      <c r="ARD67" s="84"/>
      <c r="ARE67" s="84"/>
      <c r="ARF67" s="84"/>
      <c r="ARG67" s="84"/>
      <c r="ARH67" s="84"/>
      <c r="ARI67" s="84"/>
      <c r="ARJ67" s="84"/>
      <c r="ARK67" s="84"/>
      <c r="ARL67" s="84"/>
      <c r="ARM67" s="84"/>
      <c r="ARN67" s="84"/>
      <c r="ARO67" s="84"/>
      <c r="ARP67" s="84"/>
      <c r="ARQ67" s="84"/>
      <c r="ARR67" s="84"/>
      <c r="ARS67" s="84"/>
      <c r="ART67" s="84"/>
      <c r="ARU67" s="84"/>
      <c r="ARV67" s="84"/>
      <c r="ARW67" s="84"/>
      <c r="ARX67" s="84"/>
      <c r="ARY67" s="84"/>
      <c r="ARZ67" s="84"/>
      <c r="ASA67" s="84"/>
      <c r="ASB67" s="84"/>
      <c r="ASC67" s="84"/>
      <c r="ASD67" s="84"/>
      <c r="ASE67" s="84"/>
      <c r="ASF67" s="84"/>
      <c r="ASG67" s="84"/>
      <c r="ASH67" s="84"/>
      <c r="ASI67" s="84"/>
      <c r="ASJ67" s="84"/>
      <c r="ASK67" s="84"/>
      <c r="ASL67" s="84"/>
      <c r="ASM67" s="84"/>
      <c r="ASN67" s="84"/>
      <c r="ASO67" s="84"/>
      <c r="ASP67" s="84"/>
      <c r="ASQ67" s="84"/>
      <c r="ASR67" s="84"/>
      <c r="ASS67" s="84"/>
      <c r="AST67" s="84"/>
      <c r="ASU67" s="84"/>
      <c r="ASV67" s="84"/>
      <c r="ASW67" s="84"/>
      <c r="ASX67" s="84"/>
      <c r="ASY67" s="84"/>
      <c r="ASZ67" s="84"/>
      <c r="ATA67" s="84"/>
      <c r="ATB67" s="84"/>
      <c r="ATC67" s="84"/>
      <c r="ATD67" s="84"/>
      <c r="ATE67" s="84"/>
      <c r="ATF67" s="84"/>
      <c r="ATG67" s="84"/>
      <c r="ATH67" s="84"/>
      <c r="ATI67" s="84"/>
      <c r="ATJ67" s="84"/>
      <c r="ATK67" s="84"/>
      <c r="ATL67" s="84"/>
      <c r="ATM67" s="84"/>
      <c r="ATN67" s="84"/>
      <c r="ATO67" s="84"/>
      <c r="ATP67" s="84"/>
      <c r="ATQ67" s="84"/>
      <c r="ATR67" s="84"/>
      <c r="ATS67" s="84"/>
      <c r="ATT67" s="84"/>
      <c r="ATU67" s="84"/>
      <c r="ATV67" s="84"/>
      <c r="ATW67" s="84"/>
      <c r="ATX67" s="84"/>
      <c r="ATY67" s="84"/>
      <c r="ATZ67" s="84"/>
      <c r="AUA67" s="84"/>
      <c r="AUB67" s="84"/>
      <c r="AUC67" s="84"/>
      <c r="AUD67" s="84"/>
      <c r="AUE67" s="84"/>
      <c r="AUF67" s="84"/>
      <c r="AUG67" s="84"/>
      <c r="AUH67" s="84"/>
      <c r="AUI67" s="84"/>
      <c r="AUJ67" s="84"/>
      <c r="AUK67" s="84"/>
      <c r="AUL67" s="84"/>
      <c r="AUM67" s="84"/>
      <c r="AUN67" s="84"/>
      <c r="AUO67" s="84"/>
      <c r="AUP67" s="84"/>
      <c r="AUQ67" s="84"/>
      <c r="AUR67" s="84"/>
      <c r="AUS67" s="84"/>
      <c r="AUT67" s="84"/>
      <c r="AUU67" s="84"/>
      <c r="AUV67" s="84"/>
      <c r="AUW67" s="84"/>
      <c r="AUX67" s="84"/>
      <c r="AUY67" s="84"/>
      <c r="AUZ67" s="84"/>
      <c r="AVA67" s="84"/>
      <c r="AVB67" s="84"/>
      <c r="AVC67" s="84"/>
      <c r="AVD67" s="84"/>
      <c r="AVE67" s="84"/>
      <c r="AVF67" s="84"/>
      <c r="AVG67" s="84"/>
      <c r="AVH67" s="84"/>
      <c r="AVI67" s="84"/>
      <c r="AVJ67" s="84"/>
      <c r="AVK67" s="84"/>
      <c r="AVL67" s="84"/>
      <c r="AVM67" s="84"/>
      <c r="AVN67" s="84"/>
      <c r="AVO67" s="84"/>
      <c r="AVP67" s="84"/>
      <c r="AVQ67" s="84"/>
      <c r="AVR67" s="84"/>
      <c r="AVS67" s="84"/>
      <c r="AVT67" s="84"/>
      <c r="AVU67" s="84"/>
      <c r="AVV67" s="84"/>
      <c r="AVW67" s="84"/>
      <c r="AVX67" s="84"/>
      <c r="AVY67" s="84"/>
      <c r="AVZ67" s="84"/>
      <c r="AWA67" s="84"/>
      <c r="AWB67" s="84"/>
      <c r="AWC67" s="84"/>
      <c r="AWD67" s="84"/>
      <c r="AWE67" s="84"/>
      <c r="AWF67" s="84"/>
      <c r="AWG67" s="84"/>
      <c r="AWH67" s="84"/>
      <c r="AWI67" s="84"/>
      <c r="AWJ67" s="84"/>
      <c r="AWK67" s="84"/>
      <c r="AWL67" s="84"/>
      <c r="AWM67" s="84"/>
      <c r="AWN67" s="84"/>
      <c r="AWO67" s="84"/>
      <c r="AWP67" s="84"/>
      <c r="AWQ67" s="84"/>
      <c r="AWR67" s="84"/>
      <c r="AWS67" s="84"/>
      <c r="AWT67" s="84"/>
      <c r="AWU67" s="84"/>
      <c r="AWV67" s="84"/>
      <c r="AWW67" s="84"/>
      <c r="AWX67" s="84"/>
      <c r="AWY67" s="84"/>
      <c r="AWZ67" s="84"/>
      <c r="AXA67" s="84"/>
      <c r="AXB67" s="84"/>
      <c r="AXC67" s="84"/>
      <c r="AXD67" s="84"/>
      <c r="AXE67" s="84"/>
      <c r="AXF67" s="84"/>
      <c r="AXG67" s="84"/>
      <c r="AXH67" s="84"/>
      <c r="AXI67" s="84"/>
      <c r="AXJ67" s="84"/>
      <c r="AXK67" s="84"/>
      <c r="AXL67" s="84"/>
      <c r="AXM67" s="84"/>
      <c r="AXN67" s="84"/>
      <c r="AXO67" s="84"/>
      <c r="AXP67" s="84"/>
      <c r="AXQ67" s="84"/>
      <c r="AXR67" s="84"/>
      <c r="AXS67" s="84"/>
      <c r="AXT67" s="84"/>
      <c r="AXU67" s="84"/>
      <c r="AXV67" s="84"/>
      <c r="AXW67" s="84"/>
      <c r="AXX67" s="84"/>
      <c r="AXY67" s="84"/>
      <c r="AXZ67" s="84"/>
      <c r="AYA67" s="84"/>
      <c r="AYB67" s="84"/>
      <c r="AYC67" s="84"/>
      <c r="AYD67" s="84"/>
      <c r="AYE67" s="84"/>
      <c r="AYF67" s="84"/>
      <c r="AYG67" s="84"/>
      <c r="AYH67" s="84"/>
      <c r="AYI67" s="84"/>
      <c r="AYJ67" s="84"/>
      <c r="AYK67" s="84"/>
      <c r="AYL67" s="84"/>
      <c r="AYM67" s="84"/>
      <c r="AYN67" s="84"/>
      <c r="AYO67" s="84"/>
      <c r="AYP67" s="84"/>
      <c r="AYQ67" s="84"/>
      <c r="AYR67" s="84"/>
      <c r="AYS67" s="84"/>
      <c r="AYT67" s="84"/>
      <c r="AYU67" s="84"/>
      <c r="AYV67" s="84"/>
      <c r="AYW67" s="84"/>
      <c r="AYX67" s="84"/>
      <c r="AYY67" s="84"/>
      <c r="AYZ67" s="84"/>
      <c r="AZA67" s="84"/>
      <c r="AZB67" s="84"/>
      <c r="AZC67" s="84"/>
      <c r="AZD67" s="84"/>
      <c r="AZE67" s="84"/>
      <c r="AZF67" s="84"/>
      <c r="AZG67" s="84"/>
      <c r="AZH67" s="84"/>
      <c r="AZI67" s="84"/>
      <c r="AZJ67" s="84"/>
      <c r="AZK67" s="84"/>
      <c r="AZL67" s="84"/>
      <c r="AZM67" s="84"/>
      <c r="AZN67" s="84"/>
      <c r="AZO67" s="84"/>
      <c r="AZP67" s="84"/>
      <c r="AZQ67" s="84"/>
      <c r="AZR67" s="84"/>
      <c r="AZS67" s="84"/>
      <c r="AZT67" s="84"/>
      <c r="AZU67" s="84"/>
      <c r="AZV67" s="84"/>
      <c r="AZW67" s="84"/>
      <c r="AZX67" s="84"/>
      <c r="AZY67" s="84"/>
      <c r="AZZ67" s="84"/>
      <c r="BAA67" s="84"/>
      <c r="BAB67" s="84"/>
      <c r="BAC67" s="84"/>
      <c r="BAD67" s="84"/>
      <c r="BAE67" s="84"/>
      <c r="BAF67" s="84"/>
      <c r="BAG67" s="84"/>
      <c r="BAH67" s="84"/>
      <c r="BAI67" s="84"/>
      <c r="BAJ67" s="84"/>
      <c r="BAK67" s="84"/>
      <c r="BAL67" s="84"/>
      <c r="BAM67" s="84"/>
      <c r="BAN67" s="84"/>
      <c r="BAO67" s="84"/>
      <c r="BAP67" s="84"/>
      <c r="BAQ67" s="84"/>
      <c r="BAR67" s="84"/>
      <c r="BAS67" s="84"/>
      <c r="BAT67" s="84"/>
      <c r="BAU67" s="84"/>
      <c r="BAV67" s="84"/>
      <c r="BAW67" s="84"/>
      <c r="BAX67" s="84"/>
      <c r="BAY67" s="84"/>
      <c r="BAZ67" s="84"/>
      <c r="BBA67" s="84"/>
      <c r="BBB67" s="84"/>
      <c r="BBC67" s="84"/>
      <c r="BBD67" s="84"/>
      <c r="BBE67" s="84"/>
      <c r="BBF67" s="84"/>
      <c r="BBG67" s="84"/>
      <c r="BBH67" s="84"/>
      <c r="BBI67" s="84"/>
      <c r="BBJ67" s="84"/>
      <c r="BBK67" s="84"/>
      <c r="BBL67" s="84"/>
      <c r="BBM67" s="84"/>
      <c r="BBN67" s="84"/>
    </row>
    <row r="68" spans="1:1418" s="85" customFormat="1" ht="15" customHeight="1" x14ac:dyDescent="0.2">
      <c r="A68" s="190" t="s">
        <v>92</v>
      </c>
      <c r="B68" s="190"/>
      <c r="C68" s="190"/>
      <c r="D68" s="190"/>
      <c r="E68" s="190"/>
      <c r="F68" s="190"/>
      <c r="G68" s="190"/>
      <c r="H68" s="190"/>
      <c r="I68" s="190"/>
      <c r="J68" s="190"/>
      <c r="K68" s="84"/>
      <c r="L68" s="84"/>
      <c r="M68" s="84"/>
      <c r="N68" s="84"/>
      <c r="O68" s="84"/>
      <c r="P68" s="84"/>
      <c r="Q68" s="84"/>
      <c r="R68" s="84"/>
      <c r="S68" s="84"/>
      <c r="T68" s="84"/>
      <c r="U68" s="84"/>
      <c r="V68" s="84"/>
      <c r="W68" s="84"/>
      <c r="X68" s="84"/>
      <c r="Y68" s="84"/>
      <c r="Z68" s="84"/>
      <c r="AA68" s="84"/>
      <c r="AB68" s="84"/>
      <c r="AC68" s="84"/>
      <c r="AD68" s="84"/>
      <c r="AE68" s="84"/>
      <c r="AF68" s="84"/>
      <c r="AG68" s="84"/>
      <c r="AH68" s="84"/>
      <c r="AI68" s="84"/>
      <c r="AJ68" s="84"/>
      <c r="AK68" s="84"/>
      <c r="AL68" s="84"/>
      <c r="AM68" s="84"/>
      <c r="AN68" s="84"/>
      <c r="AO68" s="84"/>
      <c r="AP68" s="84"/>
      <c r="AQ68" s="84"/>
      <c r="AR68" s="84"/>
      <c r="AS68" s="84"/>
      <c r="AT68" s="84"/>
      <c r="AU68" s="84"/>
      <c r="AV68" s="84"/>
      <c r="AW68" s="84"/>
      <c r="AX68" s="84"/>
      <c r="AY68" s="84"/>
      <c r="AZ68" s="84"/>
      <c r="BA68" s="84"/>
      <c r="BB68" s="84"/>
      <c r="BC68" s="84"/>
      <c r="BD68" s="84"/>
      <c r="BE68" s="84"/>
      <c r="BF68" s="84"/>
      <c r="BG68" s="84"/>
      <c r="BH68" s="84"/>
      <c r="BI68" s="84"/>
      <c r="BJ68" s="84"/>
      <c r="BK68" s="84"/>
      <c r="BL68" s="84"/>
      <c r="BM68" s="84"/>
      <c r="BN68" s="84"/>
      <c r="BO68" s="84"/>
      <c r="BP68" s="84"/>
      <c r="BQ68" s="84"/>
      <c r="BR68" s="84"/>
      <c r="BS68" s="84"/>
      <c r="BT68" s="84"/>
      <c r="BU68" s="84"/>
      <c r="BV68" s="84"/>
      <c r="BW68" s="84"/>
      <c r="BX68" s="84"/>
      <c r="BY68" s="84"/>
      <c r="BZ68" s="84"/>
      <c r="CA68" s="84"/>
      <c r="CB68" s="84"/>
      <c r="CC68" s="84"/>
      <c r="CD68" s="84"/>
      <c r="CE68" s="84"/>
      <c r="CF68" s="84"/>
      <c r="CG68" s="84"/>
      <c r="CH68" s="84"/>
      <c r="CI68" s="84"/>
      <c r="CJ68" s="84"/>
      <c r="CK68" s="84"/>
      <c r="CL68" s="84"/>
      <c r="CM68" s="84"/>
      <c r="CN68" s="84"/>
      <c r="CO68" s="84"/>
      <c r="CP68" s="84"/>
      <c r="CQ68" s="84"/>
      <c r="CR68" s="84"/>
      <c r="CS68" s="84"/>
      <c r="CT68" s="84"/>
      <c r="CU68" s="84"/>
      <c r="CV68" s="84"/>
      <c r="CW68" s="84"/>
      <c r="CX68" s="84"/>
      <c r="CY68" s="84"/>
      <c r="CZ68" s="84"/>
      <c r="DA68" s="84"/>
      <c r="DB68" s="84"/>
      <c r="DC68" s="84"/>
      <c r="DD68" s="84"/>
      <c r="DE68" s="84"/>
      <c r="DF68" s="84"/>
      <c r="DG68" s="84"/>
      <c r="DH68" s="84"/>
      <c r="DI68" s="84"/>
      <c r="DJ68" s="84"/>
      <c r="DK68" s="84"/>
      <c r="DL68" s="84"/>
      <c r="DM68" s="84"/>
      <c r="DN68" s="84"/>
      <c r="DO68" s="84"/>
      <c r="DP68" s="84"/>
      <c r="DQ68" s="84"/>
      <c r="DR68" s="84"/>
      <c r="DS68" s="84"/>
      <c r="DT68" s="84"/>
      <c r="DU68" s="84"/>
      <c r="DV68" s="84"/>
      <c r="DW68" s="84"/>
      <c r="DX68" s="84"/>
      <c r="DY68" s="84"/>
      <c r="DZ68" s="84"/>
      <c r="EA68" s="84"/>
      <c r="EB68" s="84"/>
      <c r="EC68" s="84"/>
      <c r="ED68" s="84"/>
      <c r="EE68" s="84"/>
      <c r="EF68" s="84"/>
      <c r="EG68" s="84"/>
      <c r="EH68" s="84"/>
      <c r="EI68" s="84"/>
      <c r="EJ68" s="84"/>
      <c r="EK68" s="84"/>
      <c r="EL68" s="84"/>
      <c r="EM68" s="84"/>
      <c r="EN68" s="84"/>
      <c r="EO68" s="84"/>
      <c r="EP68" s="84"/>
      <c r="EQ68" s="84"/>
      <c r="ER68" s="84"/>
      <c r="ES68" s="84"/>
      <c r="ET68" s="84"/>
      <c r="EU68" s="84"/>
      <c r="EV68" s="84"/>
      <c r="EW68" s="84"/>
      <c r="EX68" s="84"/>
      <c r="EY68" s="84"/>
      <c r="EZ68" s="84"/>
      <c r="FA68" s="84"/>
      <c r="FB68" s="84"/>
      <c r="FC68" s="84"/>
      <c r="FD68" s="84"/>
      <c r="FE68" s="84"/>
      <c r="FF68" s="84"/>
      <c r="FG68" s="84"/>
      <c r="FH68" s="84"/>
      <c r="FI68" s="84"/>
      <c r="FJ68" s="84"/>
      <c r="FK68" s="84"/>
      <c r="FL68" s="84"/>
      <c r="FM68" s="84"/>
      <c r="FN68" s="84"/>
      <c r="FO68" s="84"/>
      <c r="FP68" s="84"/>
      <c r="FQ68" s="84"/>
      <c r="FR68" s="84"/>
      <c r="FS68" s="84"/>
      <c r="FT68" s="84"/>
      <c r="FU68" s="84"/>
      <c r="FV68" s="84"/>
      <c r="FW68" s="84"/>
      <c r="FX68" s="84"/>
      <c r="FY68" s="84"/>
      <c r="FZ68" s="84"/>
      <c r="GA68" s="84"/>
      <c r="GB68" s="84"/>
      <c r="GC68" s="84"/>
      <c r="GD68" s="84"/>
      <c r="GE68" s="84"/>
      <c r="GF68" s="84"/>
      <c r="GG68" s="84"/>
      <c r="GH68" s="84"/>
      <c r="GI68" s="84"/>
      <c r="GJ68" s="84"/>
      <c r="GK68" s="84"/>
      <c r="GL68" s="84"/>
      <c r="GM68" s="84"/>
      <c r="GN68" s="84"/>
      <c r="GO68" s="84"/>
      <c r="GP68" s="84"/>
      <c r="GQ68" s="84"/>
      <c r="GR68" s="84"/>
      <c r="GS68" s="84"/>
      <c r="GT68" s="84"/>
      <c r="GU68" s="84"/>
      <c r="GV68" s="84"/>
      <c r="GW68" s="84"/>
      <c r="GX68" s="84"/>
      <c r="GY68" s="84"/>
      <c r="GZ68" s="84"/>
      <c r="HA68" s="84"/>
      <c r="HB68" s="84"/>
      <c r="HC68" s="84"/>
      <c r="HD68" s="84"/>
      <c r="HE68" s="84"/>
      <c r="HF68" s="84"/>
      <c r="HG68" s="84"/>
      <c r="HH68" s="84"/>
      <c r="HI68" s="84"/>
      <c r="HJ68" s="84"/>
      <c r="HK68" s="84"/>
      <c r="HL68" s="84"/>
      <c r="HM68" s="84"/>
      <c r="HN68" s="84"/>
      <c r="HO68" s="84"/>
      <c r="HP68" s="84"/>
      <c r="HQ68" s="84"/>
      <c r="HR68" s="84"/>
      <c r="HS68" s="84"/>
      <c r="HT68" s="84"/>
      <c r="HU68" s="84"/>
      <c r="HV68" s="84"/>
      <c r="HW68" s="84"/>
      <c r="HX68" s="84"/>
      <c r="HY68" s="84"/>
      <c r="HZ68" s="84"/>
      <c r="IA68" s="84"/>
      <c r="IB68" s="84"/>
      <c r="IC68" s="84"/>
      <c r="ID68" s="84"/>
      <c r="IE68" s="84"/>
      <c r="IF68" s="84"/>
      <c r="IG68" s="84"/>
      <c r="IH68" s="84"/>
      <c r="II68" s="84"/>
      <c r="IJ68" s="84"/>
      <c r="IK68" s="84"/>
      <c r="IL68" s="84"/>
      <c r="IM68" s="84"/>
      <c r="IN68" s="84"/>
      <c r="IO68" s="84"/>
      <c r="IP68" s="84"/>
      <c r="IQ68" s="84"/>
      <c r="IR68" s="84"/>
      <c r="IS68" s="84"/>
      <c r="IT68" s="84"/>
      <c r="IU68" s="84"/>
      <c r="IV68" s="84"/>
      <c r="IW68" s="84"/>
      <c r="IX68" s="84"/>
      <c r="IY68" s="84"/>
      <c r="IZ68" s="84"/>
      <c r="JA68" s="84"/>
      <c r="JB68" s="84"/>
      <c r="JC68" s="84"/>
      <c r="JD68" s="84"/>
      <c r="JE68" s="84"/>
      <c r="JF68" s="84"/>
      <c r="JG68" s="84"/>
      <c r="JH68" s="84"/>
      <c r="JI68" s="84"/>
      <c r="JJ68" s="84"/>
      <c r="JK68" s="84"/>
      <c r="JL68" s="84"/>
      <c r="JM68" s="84"/>
      <c r="JN68" s="84"/>
      <c r="JO68" s="84"/>
      <c r="JP68" s="84"/>
      <c r="JQ68" s="84"/>
      <c r="JR68" s="84"/>
      <c r="JS68" s="84"/>
      <c r="JT68" s="84"/>
      <c r="JU68" s="84"/>
      <c r="JV68" s="84"/>
      <c r="JW68" s="84"/>
      <c r="JX68" s="84"/>
      <c r="JY68" s="84"/>
      <c r="JZ68" s="84"/>
      <c r="KA68" s="84"/>
      <c r="KB68" s="84"/>
      <c r="KC68" s="84"/>
      <c r="KD68" s="84"/>
      <c r="KE68" s="84"/>
      <c r="KF68" s="84"/>
      <c r="KG68" s="84"/>
      <c r="KH68" s="84"/>
      <c r="KI68" s="84"/>
      <c r="KJ68" s="84"/>
      <c r="KK68" s="84"/>
      <c r="KL68" s="84"/>
      <c r="KM68" s="84"/>
      <c r="KN68" s="84"/>
      <c r="KO68" s="84"/>
      <c r="KP68" s="84"/>
      <c r="KQ68" s="84"/>
      <c r="KR68" s="84"/>
      <c r="KS68" s="84"/>
      <c r="KT68" s="84"/>
      <c r="KU68" s="84"/>
      <c r="KV68" s="84"/>
      <c r="KW68" s="84"/>
      <c r="KX68" s="84"/>
      <c r="KY68" s="84"/>
      <c r="KZ68" s="84"/>
      <c r="LA68" s="84"/>
      <c r="LB68" s="84"/>
      <c r="LC68" s="84"/>
      <c r="LD68" s="84"/>
      <c r="LE68" s="84"/>
      <c r="LF68" s="84"/>
      <c r="LG68" s="84"/>
      <c r="LH68" s="84"/>
      <c r="LI68" s="84"/>
      <c r="LJ68" s="84"/>
      <c r="LK68" s="84"/>
      <c r="LL68" s="84"/>
      <c r="LM68" s="84"/>
      <c r="LN68" s="84"/>
      <c r="LO68" s="84"/>
      <c r="LP68" s="84"/>
      <c r="LQ68" s="84"/>
      <c r="LR68" s="84"/>
      <c r="LS68" s="84"/>
      <c r="LT68" s="84"/>
      <c r="LU68" s="84"/>
      <c r="LV68" s="84"/>
      <c r="LW68" s="84"/>
      <c r="LX68" s="84"/>
      <c r="LY68" s="84"/>
      <c r="LZ68" s="84"/>
      <c r="MA68" s="84"/>
      <c r="MB68" s="84"/>
      <c r="MC68" s="84"/>
      <c r="MD68" s="84"/>
      <c r="ME68" s="84"/>
      <c r="MF68" s="84"/>
      <c r="MG68" s="84"/>
      <c r="MH68" s="84"/>
      <c r="MI68" s="84"/>
      <c r="MJ68" s="84"/>
      <c r="MK68" s="84"/>
      <c r="ML68" s="84"/>
      <c r="MM68" s="84"/>
      <c r="MN68" s="84"/>
      <c r="MO68" s="84"/>
      <c r="MP68" s="84"/>
      <c r="MQ68" s="84"/>
      <c r="MR68" s="84"/>
      <c r="MS68" s="84"/>
      <c r="MT68" s="84"/>
      <c r="MU68" s="84"/>
      <c r="MV68" s="84"/>
      <c r="MW68" s="84"/>
      <c r="MX68" s="84"/>
      <c r="MY68" s="84"/>
      <c r="MZ68" s="84"/>
      <c r="NA68" s="84"/>
      <c r="NB68" s="84"/>
      <c r="NC68" s="84"/>
      <c r="ND68" s="84"/>
      <c r="NE68" s="84"/>
      <c r="NF68" s="84"/>
      <c r="NG68" s="84"/>
      <c r="NH68" s="84"/>
      <c r="NI68" s="84"/>
      <c r="NJ68" s="84"/>
      <c r="NK68" s="84"/>
      <c r="NL68" s="84"/>
      <c r="NM68" s="84"/>
      <c r="NN68" s="84"/>
      <c r="NO68" s="84"/>
      <c r="NP68" s="84"/>
      <c r="NQ68" s="84"/>
      <c r="NR68" s="84"/>
      <c r="NS68" s="84"/>
      <c r="NT68" s="84"/>
      <c r="NU68" s="84"/>
      <c r="NV68" s="84"/>
      <c r="NW68" s="84"/>
      <c r="NX68" s="84"/>
      <c r="NY68" s="84"/>
      <c r="NZ68" s="84"/>
      <c r="OA68" s="84"/>
      <c r="OB68" s="84"/>
      <c r="OC68" s="84"/>
      <c r="OD68" s="84"/>
      <c r="OE68" s="84"/>
      <c r="OF68" s="84"/>
      <c r="OG68" s="84"/>
      <c r="OH68" s="84"/>
      <c r="OI68" s="84"/>
      <c r="OJ68" s="84"/>
      <c r="OK68" s="84"/>
      <c r="OL68" s="84"/>
      <c r="OM68" s="84"/>
      <c r="ON68" s="84"/>
      <c r="OO68" s="84"/>
      <c r="OP68" s="84"/>
      <c r="OQ68" s="84"/>
      <c r="OR68" s="84"/>
      <c r="OS68" s="84"/>
      <c r="OT68" s="84"/>
      <c r="OU68" s="84"/>
      <c r="OV68" s="84"/>
      <c r="OW68" s="84"/>
      <c r="OX68" s="84"/>
      <c r="OY68" s="84"/>
      <c r="OZ68" s="84"/>
      <c r="PA68" s="84"/>
      <c r="PB68" s="84"/>
      <c r="PC68" s="84"/>
      <c r="PD68" s="84"/>
      <c r="PE68" s="84"/>
      <c r="PF68" s="84"/>
      <c r="PG68" s="84"/>
      <c r="PH68" s="84"/>
      <c r="PI68" s="84"/>
      <c r="PJ68" s="84"/>
      <c r="PK68" s="84"/>
      <c r="PL68" s="84"/>
      <c r="PM68" s="84"/>
      <c r="PN68" s="84"/>
      <c r="PO68" s="84"/>
      <c r="PP68" s="84"/>
      <c r="PQ68" s="84"/>
      <c r="PR68" s="84"/>
      <c r="PS68" s="84"/>
      <c r="PT68" s="84"/>
      <c r="PU68" s="84"/>
      <c r="PV68" s="84"/>
      <c r="PW68" s="84"/>
      <c r="PX68" s="84"/>
      <c r="PY68" s="84"/>
      <c r="PZ68" s="84"/>
      <c r="QA68" s="84"/>
      <c r="QB68" s="84"/>
      <c r="QC68" s="84"/>
      <c r="QD68" s="84"/>
      <c r="QE68" s="84"/>
      <c r="QF68" s="84"/>
      <c r="QG68" s="84"/>
      <c r="QH68" s="84"/>
      <c r="QI68" s="84"/>
      <c r="QJ68" s="84"/>
      <c r="QK68" s="84"/>
      <c r="QL68" s="84"/>
      <c r="QM68" s="84"/>
      <c r="QN68" s="84"/>
      <c r="QO68" s="84"/>
      <c r="QP68" s="84"/>
      <c r="QQ68" s="84"/>
      <c r="QR68" s="84"/>
      <c r="QS68" s="84"/>
      <c r="QT68" s="84"/>
      <c r="QU68" s="84"/>
      <c r="QV68" s="84"/>
      <c r="QW68" s="84"/>
      <c r="QX68" s="84"/>
      <c r="QY68" s="84"/>
      <c r="QZ68" s="84"/>
      <c r="RA68" s="84"/>
      <c r="RB68" s="84"/>
      <c r="RC68" s="84"/>
      <c r="RD68" s="84"/>
      <c r="RE68" s="84"/>
      <c r="RF68" s="84"/>
      <c r="RG68" s="84"/>
      <c r="RH68" s="84"/>
      <c r="RI68" s="84"/>
      <c r="RJ68" s="84"/>
      <c r="RK68" s="84"/>
      <c r="RL68" s="84"/>
      <c r="RM68" s="84"/>
      <c r="RN68" s="84"/>
      <c r="RO68" s="84"/>
      <c r="RP68" s="84"/>
      <c r="RQ68" s="84"/>
      <c r="RR68" s="84"/>
      <c r="RS68" s="84"/>
      <c r="RT68" s="84"/>
      <c r="RU68" s="84"/>
      <c r="RV68" s="84"/>
      <c r="RW68" s="84"/>
      <c r="RX68" s="84"/>
      <c r="RY68" s="84"/>
      <c r="RZ68" s="84"/>
      <c r="SA68" s="84"/>
      <c r="SB68" s="84"/>
      <c r="SC68" s="84"/>
      <c r="SD68" s="84"/>
      <c r="SE68" s="84"/>
      <c r="SF68" s="84"/>
      <c r="SG68" s="84"/>
      <c r="SH68" s="84"/>
      <c r="SI68" s="84"/>
      <c r="SJ68" s="84"/>
      <c r="SK68" s="84"/>
      <c r="SL68" s="84"/>
      <c r="SM68" s="84"/>
      <c r="SN68" s="84"/>
      <c r="SO68" s="84"/>
      <c r="SP68" s="84"/>
      <c r="SQ68" s="84"/>
      <c r="SR68" s="84"/>
      <c r="SS68" s="84"/>
      <c r="ST68" s="84"/>
      <c r="SU68" s="84"/>
      <c r="SV68" s="84"/>
      <c r="SW68" s="84"/>
      <c r="SX68" s="84"/>
      <c r="SY68" s="84"/>
      <c r="SZ68" s="84"/>
      <c r="TA68" s="84"/>
      <c r="TB68" s="84"/>
      <c r="TC68" s="84"/>
      <c r="TD68" s="84"/>
      <c r="TE68" s="84"/>
      <c r="TF68" s="84"/>
      <c r="TG68" s="84"/>
      <c r="TH68" s="84"/>
      <c r="TI68" s="84"/>
      <c r="TJ68" s="84"/>
      <c r="TK68" s="84"/>
      <c r="TL68" s="84"/>
      <c r="TM68" s="84"/>
      <c r="TN68" s="84"/>
      <c r="TO68" s="84"/>
      <c r="TP68" s="84"/>
      <c r="TQ68" s="84"/>
      <c r="TR68" s="84"/>
      <c r="TS68" s="84"/>
      <c r="TT68" s="84"/>
      <c r="TU68" s="84"/>
      <c r="TV68" s="84"/>
      <c r="TW68" s="84"/>
      <c r="TX68" s="84"/>
      <c r="TY68" s="84"/>
      <c r="TZ68" s="84"/>
      <c r="UA68" s="84"/>
      <c r="UB68" s="84"/>
      <c r="UC68" s="84"/>
      <c r="UD68" s="84"/>
      <c r="UE68" s="84"/>
      <c r="UF68" s="84"/>
      <c r="UG68" s="84"/>
      <c r="UH68" s="84"/>
      <c r="UI68" s="84"/>
      <c r="UJ68" s="84"/>
      <c r="UK68" s="84"/>
      <c r="UL68" s="84"/>
      <c r="UM68" s="84"/>
      <c r="UN68" s="84"/>
      <c r="UO68" s="84"/>
      <c r="UP68" s="84"/>
      <c r="UQ68" s="84"/>
      <c r="UR68" s="84"/>
      <c r="US68" s="84"/>
      <c r="UT68" s="84"/>
      <c r="UU68" s="84"/>
      <c r="UV68" s="84"/>
      <c r="UW68" s="84"/>
      <c r="UX68" s="84"/>
      <c r="UY68" s="84"/>
      <c r="UZ68" s="84"/>
      <c r="VA68" s="84"/>
      <c r="VB68" s="84"/>
      <c r="VC68" s="84"/>
      <c r="VD68" s="84"/>
      <c r="VE68" s="84"/>
      <c r="VF68" s="84"/>
      <c r="VG68" s="84"/>
      <c r="VH68" s="84"/>
      <c r="VI68" s="84"/>
      <c r="VJ68" s="84"/>
      <c r="VK68" s="84"/>
      <c r="VL68" s="84"/>
      <c r="VM68" s="84"/>
      <c r="VN68" s="84"/>
      <c r="VO68" s="84"/>
      <c r="VP68" s="84"/>
      <c r="VQ68" s="84"/>
      <c r="VR68" s="84"/>
      <c r="VS68" s="84"/>
      <c r="VT68" s="84"/>
      <c r="VU68" s="84"/>
      <c r="VV68" s="84"/>
      <c r="VW68" s="84"/>
      <c r="VX68" s="84"/>
      <c r="VY68" s="84"/>
      <c r="VZ68" s="84"/>
      <c r="WA68" s="84"/>
      <c r="WB68" s="84"/>
      <c r="WC68" s="84"/>
      <c r="WD68" s="84"/>
      <c r="WE68" s="84"/>
      <c r="WF68" s="84"/>
      <c r="WG68" s="84"/>
      <c r="WH68" s="84"/>
      <c r="WI68" s="84"/>
      <c r="WJ68" s="84"/>
      <c r="WK68" s="84"/>
      <c r="WL68" s="84"/>
      <c r="WM68" s="84"/>
      <c r="WN68" s="84"/>
      <c r="WO68" s="84"/>
      <c r="WP68" s="84"/>
      <c r="WQ68" s="84"/>
      <c r="WR68" s="84"/>
      <c r="WS68" s="84"/>
      <c r="WT68" s="84"/>
      <c r="WU68" s="84"/>
      <c r="WV68" s="84"/>
      <c r="WW68" s="84"/>
      <c r="WX68" s="84"/>
      <c r="WY68" s="84"/>
      <c r="WZ68" s="84"/>
      <c r="XA68" s="84"/>
      <c r="XB68" s="84"/>
      <c r="XC68" s="84"/>
      <c r="XD68" s="84"/>
      <c r="XE68" s="84"/>
      <c r="XF68" s="84"/>
      <c r="XG68" s="84"/>
      <c r="XH68" s="84"/>
      <c r="XI68" s="84"/>
      <c r="XJ68" s="84"/>
      <c r="XK68" s="84"/>
      <c r="XL68" s="84"/>
      <c r="XM68" s="84"/>
      <c r="XN68" s="84"/>
      <c r="XO68" s="84"/>
      <c r="XP68" s="84"/>
      <c r="XQ68" s="84"/>
      <c r="XR68" s="84"/>
      <c r="XS68" s="84"/>
      <c r="XT68" s="84"/>
      <c r="XU68" s="84"/>
      <c r="XV68" s="84"/>
      <c r="XW68" s="84"/>
      <c r="XX68" s="84"/>
      <c r="XY68" s="84"/>
      <c r="XZ68" s="84"/>
      <c r="YA68" s="84"/>
      <c r="YB68" s="84"/>
      <c r="YC68" s="84"/>
      <c r="YD68" s="84"/>
      <c r="YE68" s="84"/>
      <c r="YF68" s="84"/>
      <c r="YG68" s="84"/>
      <c r="YH68" s="84"/>
      <c r="YI68" s="84"/>
      <c r="YJ68" s="84"/>
      <c r="YK68" s="84"/>
      <c r="YL68" s="84"/>
      <c r="YM68" s="84"/>
      <c r="YN68" s="84"/>
      <c r="YO68" s="84"/>
      <c r="YP68" s="84"/>
      <c r="YQ68" s="84"/>
      <c r="YR68" s="84"/>
      <c r="YS68" s="84"/>
      <c r="YT68" s="84"/>
      <c r="YU68" s="84"/>
      <c r="YV68" s="84"/>
      <c r="YW68" s="84"/>
      <c r="YX68" s="84"/>
      <c r="YY68" s="84"/>
      <c r="YZ68" s="84"/>
      <c r="ZA68" s="84"/>
      <c r="ZB68" s="84"/>
      <c r="ZC68" s="84"/>
      <c r="ZD68" s="84"/>
      <c r="ZE68" s="84"/>
      <c r="ZF68" s="84"/>
      <c r="ZG68" s="84"/>
      <c r="ZH68" s="84"/>
      <c r="ZI68" s="84"/>
      <c r="ZJ68" s="84"/>
      <c r="ZK68" s="84"/>
      <c r="ZL68" s="84"/>
      <c r="ZM68" s="84"/>
      <c r="ZN68" s="84"/>
      <c r="ZO68" s="84"/>
      <c r="ZP68" s="84"/>
      <c r="ZQ68" s="84"/>
      <c r="ZR68" s="84"/>
      <c r="ZS68" s="84"/>
      <c r="ZT68" s="84"/>
      <c r="ZU68" s="84"/>
      <c r="ZV68" s="84"/>
      <c r="ZW68" s="84"/>
      <c r="ZX68" s="84"/>
      <c r="ZY68" s="84"/>
      <c r="ZZ68" s="84"/>
      <c r="AAA68" s="84"/>
      <c r="AAB68" s="84"/>
      <c r="AAC68" s="84"/>
      <c r="AAD68" s="84"/>
      <c r="AAE68" s="84"/>
      <c r="AAF68" s="84"/>
      <c r="AAG68" s="84"/>
      <c r="AAH68" s="84"/>
      <c r="AAI68" s="84"/>
      <c r="AAJ68" s="84"/>
      <c r="AAK68" s="84"/>
      <c r="AAL68" s="84"/>
      <c r="AAM68" s="84"/>
      <c r="AAN68" s="84"/>
      <c r="AAO68" s="84"/>
      <c r="AAP68" s="84"/>
      <c r="AAQ68" s="84"/>
      <c r="AAR68" s="84"/>
      <c r="AAS68" s="84"/>
      <c r="AAT68" s="84"/>
      <c r="AAU68" s="84"/>
      <c r="AAV68" s="84"/>
      <c r="AAW68" s="84"/>
      <c r="AAX68" s="84"/>
      <c r="AAY68" s="84"/>
      <c r="AAZ68" s="84"/>
      <c r="ABA68" s="84"/>
      <c r="ABB68" s="84"/>
      <c r="ABC68" s="84"/>
      <c r="ABD68" s="84"/>
      <c r="ABE68" s="84"/>
      <c r="ABF68" s="84"/>
      <c r="ABG68" s="84"/>
      <c r="ABH68" s="84"/>
      <c r="ABI68" s="84"/>
      <c r="ABJ68" s="84"/>
      <c r="ABK68" s="84"/>
      <c r="ABL68" s="84"/>
      <c r="ABM68" s="84"/>
      <c r="ABN68" s="84"/>
      <c r="ABO68" s="84"/>
      <c r="ABP68" s="84"/>
      <c r="ABQ68" s="84"/>
      <c r="ABR68" s="84"/>
      <c r="ABS68" s="84"/>
      <c r="ABT68" s="84"/>
      <c r="ABU68" s="84"/>
      <c r="ABV68" s="84"/>
      <c r="ABW68" s="84"/>
      <c r="ABX68" s="84"/>
      <c r="ABY68" s="84"/>
      <c r="ABZ68" s="84"/>
      <c r="ACA68" s="84"/>
      <c r="ACB68" s="84"/>
      <c r="ACC68" s="84"/>
      <c r="ACD68" s="84"/>
      <c r="ACE68" s="84"/>
      <c r="ACF68" s="84"/>
      <c r="ACG68" s="84"/>
      <c r="ACH68" s="84"/>
      <c r="ACI68" s="84"/>
      <c r="ACJ68" s="84"/>
      <c r="ACK68" s="84"/>
      <c r="ACL68" s="84"/>
      <c r="ACM68" s="84"/>
      <c r="ACN68" s="84"/>
      <c r="ACO68" s="84"/>
      <c r="ACP68" s="84"/>
      <c r="ACQ68" s="84"/>
      <c r="ACR68" s="84"/>
      <c r="ACS68" s="84"/>
      <c r="ACT68" s="84"/>
      <c r="ACU68" s="84"/>
      <c r="ACV68" s="84"/>
      <c r="ACW68" s="84"/>
      <c r="ACX68" s="84"/>
      <c r="ACY68" s="84"/>
      <c r="ACZ68" s="84"/>
      <c r="ADA68" s="84"/>
      <c r="ADB68" s="84"/>
      <c r="ADC68" s="84"/>
      <c r="ADD68" s="84"/>
      <c r="ADE68" s="84"/>
      <c r="ADF68" s="84"/>
      <c r="ADG68" s="84"/>
      <c r="ADH68" s="84"/>
      <c r="ADI68" s="84"/>
      <c r="ADJ68" s="84"/>
      <c r="ADK68" s="84"/>
      <c r="ADL68" s="84"/>
      <c r="ADM68" s="84"/>
      <c r="ADN68" s="84"/>
      <c r="ADO68" s="84"/>
      <c r="ADP68" s="84"/>
      <c r="ADQ68" s="84"/>
      <c r="ADR68" s="84"/>
      <c r="ADS68" s="84"/>
      <c r="ADT68" s="84"/>
      <c r="ADU68" s="84"/>
      <c r="ADV68" s="84"/>
      <c r="ADW68" s="84"/>
      <c r="ADX68" s="84"/>
      <c r="ADY68" s="84"/>
      <c r="ADZ68" s="84"/>
      <c r="AEA68" s="84"/>
      <c r="AEB68" s="84"/>
      <c r="AEC68" s="84"/>
      <c r="AED68" s="84"/>
      <c r="AEE68" s="84"/>
      <c r="AEF68" s="84"/>
      <c r="AEG68" s="84"/>
      <c r="AEH68" s="84"/>
      <c r="AEI68" s="84"/>
      <c r="AEJ68" s="84"/>
      <c r="AEK68" s="84"/>
      <c r="AEL68" s="84"/>
      <c r="AEM68" s="84"/>
      <c r="AEN68" s="84"/>
      <c r="AEO68" s="84"/>
      <c r="AEP68" s="84"/>
      <c r="AEQ68" s="84"/>
      <c r="AER68" s="84"/>
      <c r="AES68" s="84"/>
      <c r="AET68" s="84"/>
      <c r="AEU68" s="84"/>
      <c r="AEV68" s="84"/>
      <c r="AEW68" s="84"/>
      <c r="AEX68" s="84"/>
      <c r="AEY68" s="84"/>
      <c r="AEZ68" s="84"/>
      <c r="AFA68" s="84"/>
      <c r="AFB68" s="84"/>
      <c r="AFC68" s="84"/>
      <c r="AFD68" s="84"/>
      <c r="AFE68" s="84"/>
      <c r="AFF68" s="84"/>
      <c r="AFG68" s="84"/>
      <c r="AFH68" s="84"/>
      <c r="AFI68" s="84"/>
      <c r="AFJ68" s="84"/>
      <c r="AFK68" s="84"/>
      <c r="AFL68" s="84"/>
      <c r="AFM68" s="84"/>
      <c r="AFN68" s="84"/>
      <c r="AFO68" s="84"/>
      <c r="AFP68" s="84"/>
      <c r="AFQ68" s="84"/>
      <c r="AFR68" s="84"/>
      <c r="AFS68" s="84"/>
      <c r="AFT68" s="84"/>
      <c r="AFU68" s="84"/>
      <c r="AFV68" s="84"/>
      <c r="AFW68" s="84"/>
      <c r="AFX68" s="84"/>
      <c r="AFY68" s="84"/>
      <c r="AFZ68" s="84"/>
      <c r="AGA68" s="84"/>
      <c r="AGB68" s="84"/>
      <c r="AGC68" s="84"/>
      <c r="AGD68" s="84"/>
      <c r="AGE68" s="84"/>
      <c r="AGF68" s="84"/>
      <c r="AGG68" s="84"/>
      <c r="AGH68" s="84"/>
      <c r="AGI68" s="84"/>
      <c r="AGJ68" s="84"/>
      <c r="AGK68" s="84"/>
      <c r="AGL68" s="84"/>
      <c r="AGM68" s="84"/>
      <c r="AGN68" s="84"/>
      <c r="AGO68" s="84"/>
      <c r="AGP68" s="84"/>
      <c r="AGQ68" s="84"/>
      <c r="AGR68" s="84"/>
      <c r="AGS68" s="84"/>
      <c r="AGT68" s="84"/>
      <c r="AGU68" s="84"/>
      <c r="AGV68" s="84"/>
      <c r="AGW68" s="84"/>
      <c r="AGX68" s="84"/>
      <c r="AGY68" s="84"/>
      <c r="AGZ68" s="84"/>
      <c r="AHA68" s="84"/>
      <c r="AHB68" s="84"/>
      <c r="AHC68" s="84"/>
      <c r="AHD68" s="84"/>
      <c r="AHE68" s="84"/>
      <c r="AHF68" s="84"/>
      <c r="AHG68" s="84"/>
      <c r="AHH68" s="84"/>
      <c r="AHI68" s="84"/>
      <c r="AHJ68" s="84"/>
      <c r="AHK68" s="84"/>
      <c r="AHL68" s="84"/>
      <c r="AHM68" s="84"/>
      <c r="AHN68" s="84"/>
      <c r="AHO68" s="84"/>
      <c r="AHP68" s="84"/>
      <c r="AHQ68" s="84"/>
      <c r="AHR68" s="84"/>
      <c r="AHS68" s="84"/>
      <c r="AHT68" s="84"/>
      <c r="AHU68" s="84"/>
      <c r="AHV68" s="84"/>
      <c r="AHW68" s="84"/>
      <c r="AHX68" s="84"/>
      <c r="AHY68" s="84"/>
      <c r="AHZ68" s="84"/>
      <c r="AIA68" s="84"/>
      <c r="AIB68" s="84"/>
      <c r="AIC68" s="84"/>
      <c r="AID68" s="84"/>
      <c r="AIE68" s="84"/>
      <c r="AIF68" s="84"/>
      <c r="AIG68" s="84"/>
      <c r="AIH68" s="84"/>
      <c r="AII68" s="84"/>
      <c r="AIJ68" s="84"/>
      <c r="AIK68" s="84"/>
      <c r="AIL68" s="84"/>
      <c r="AIM68" s="84"/>
      <c r="AIN68" s="84"/>
      <c r="AIO68" s="84"/>
      <c r="AIP68" s="84"/>
      <c r="AIQ68" s="84"/>
      <c r="AIR68" s="84"/>
      <c r="AIS68" s="84"/>
      <c r="AIT68" s="84"/>
      <c r="AIU68" s="84"/>
      <c r="AIV68" s="84"/>
      <c r="AIW68" s="84"/>
      <c r="AIX68" s="84"/>
      <c r="AIY68" s="84"/>
      <c r="AIZ68" s="84"/>
      <c r="AJA68" s="84"/>
      <c r="AJB68" s="84"/>
      <c r="AJC68" s="84"/>
      <c r="AJD68" s="84"/>
      <c r="AJE68" s="84"/>
      <c r="AJF68" s="84"/>
      <c r="AJG68" s="84"/>
      <c r="AJH68" s="84"/>
      <c r="AJI68" s="84"/>
      <c r="AJJ68" s="84"/>
      <c r="AJK68" s="84"/>
      <c r="AJL68" s="84"/>
      <c r="AJM68" s="84"/>
      <c r="AJN68" s="84"/>
      <c r="AJO68" s="84"/>
      <c r="AJP68" s="84"/>
      <c r="AJQ68" s="84"/>
      <c r="AJR68" s="84"/>
      <c r="AJS68" s="84"/>
      <c r="AJT68" s="84"/>
      <c r="AJU68" s="84"/>
      <c r="AJV68" s="84"/>
      <c r="AJW68" s="84"/>
      <c r="AJX68" s="84"/>
      <c r="AJY68" s="84"/>
      <c r="AJZ68" s="84"/>
      <c r="AKA68" s="84"/>
      <c r="AKB68" s="84"/>
      <c r="AKC68" s="84"/>
      <c r="AKD68" s="84"/>
      <c r="AKE68" s="84"/>
      <c r="AKF68" s="84"/>
      <c r="AKG68" s="84"/>
      <c r="AKH68" s="84"/>
      <c r="AKI68" s="84"/>
      <c r="AKJ68" s="84"/>
      <c r="AKK68" s="84"/>
      <c r="AKL68" s="84"/>
      <c r="AKM68" s="84"/>
      <c r="AKN68" s="84"/>
      <c r="AKO68" s="84"/>
      <c r="AKP68" s="84"/>
      <c r="AKQ68" s="84"/>
      <c r="AKR68" s="84"/>
      <c r="AKS68" s="84"/>
      <c r="AKT68" s="84"/>
      <c r="AKU68" s="84"/>
      <c r="AKV68" s="84"/>
      <c r="AKW68" s="84"/>
      <c r="AKX68" s="84"/>
      <c r="AKY68" s="84"/>
      <c r="AKZ68" s="84"/>
      <c r="ALA68" s="84"/>
      <c r="ALB68" s="84"/>
      <c r="ALC68" s="84"/>
      <c r="ALD68" s="84"/>
      <c r="ALE68" s="84"/>
      <c r="ALF68" s="84"/>
      <c r="ALG68" s="84"/>
      <c r="ALH68" s="84"/>
      <c r="ALI68" s="84"/>
      <c r="ALJ68" s="84"/>
      <c r="ALK68" s="84"/>
      <c r="ALL68" s="84"/>
      <c r="ALM68" s="84"/>
      <c r="ALN68" s="84"/>
      <c r="ALO68" s="84"/>
      <c r="ALP68" s="84"/>
      <c r="ALQ68" s="84"/>
      <c r="ALR68" s="84"/>
      <c r="ALS68" s="84"/>
      <c r="ALT68" s="84"/>
      <c r="ALU68" s="84"/>
      <c r="ALV68" s="84"/>
      <c r="ALW68" s="84"/>
      <c r="ALX68" s="84"/>
      <c r="ALY68" s="84"/>
      <c r="ALZ68" s="84"/>
      <c r="AMA68" s="84"/>
      <c r="AMB68" s="84"/>
      <c r="AMC68" s="84"/>
      <c r="AMD68" s="84"/>
      <c r="AME68" s="84"/>
      <c r="AMF68" s="84"/>
      <c r="AMG68" s="84"/>
      <c r="AMH68" s="84"/>
      <c r="AMI68" s="84"/>
      <c r="AMJ68" s="84"/>
      <c r="AMK68" s="84"/>
      <c r="AML68" s="84"/>
      <c r="AMM68" s="84"/>
      <c r="AMN68" s="84"/>
      <c r="AMO68" s="84"/>
      <c r="AMP68" s="84"/>
      <c r="AMQ68" s="84"/>
      <c r="AMR68" s="84"/>
      <c r="AMS68" s="84"/>
      <c r="AMT68" s="84"/>
      <c r="AMU68" s="84"/>
      <c r="AMV68" s="84"/>
      <c r="AMW68" s="84"/>
      <c r="AMX68" s="84"/>
      <c r="AMY68" s="84"/>
      <c r="AMZ68" s="84"/>
      <c r="ANA68" s="84"/>
      <c r="ANB68" s="84"/>
      <c r="ANC68" s="84"/>
      <c r="AND68" s="84"/>
      <c r="ANE68" s="84"/>
      <c r="ANF68" s="84"/>
      <c r="ANG68" s="84"/>
      <c r="ANH68" s="84"/>
      <c r="ANI68" s="84"/>
      <c r="ANJ68" s="84"/>
      <c r="ANK68" s="84"/>
      <c r="ANL68" s="84"/>
      <c r="ANM68" s="84"/>
      <c r="ANN68" s="84"/>
      <c r="ANO68" s="84"/>
      <c r="ANP68" s="84"/>
      <c r="ANQ68" s="84"/>
      <c r="ANR68" s="84"/>
      <c r="ANS68" s="84"/>
      <c r="ANT68" s="84"/>
      <c r="ANU68" s="84"/>
      <c r="ANV68" s="84"/>
      <c r="ANW68" s="84"/>
      <c r="ANX68" s="84"/>
      <c r="ANY68" s="84"/>
      <c r="ANZ68" s="84"/>
      <c r="AOA68" s="84"/>
      <c r="AOB68" s="84"/>
      <c r="AOC68" s="84"/>
      <c r="AOD68" s="84"/>
      <c r="AOE68" s="84"/>
      <c r="AOF68" s="84"/>
      <c r="AOG68" s="84"/>
      <c r="AOH68" s="84"/>
      <c r="AOI68" s="84"/>
      <c r="AOJ68" s="84"/>
      <c r="AOK68" s="84"/>
      <c r="AOL68" s="84"/>
      <c r="AOM68" s="84"/>
      <c r="AON68" s="84"/>
      <c r="AOO68" s="84"/>
      <c r="AOP68" s="84"/>
      <c r="AOQ68" s="84"/>
      <c r="AOR68" s="84"/>
      <c r="AOS68" s="84"/>
      <c r="AOT68" s="84"/>
      <c r="AOU68" s="84"/>
      <c r="AOV68" s="84"/>
      <c r="AOW68" s="84"/>
      <c r="AOX68" s="84"/>
      <c r="AOY68" s="84"/>
      <c r="AOZ68" s="84"/>
      <c r="APA68" s="84"/>
      <c r="APB68" s="84"/>
      <c r="APC68" s="84"/>
      <c r="APD68" s="84"/>
      <c r="APE68" s="84"/>
      <c r="APF68" s="84"/>
      <c r="APG68" s="84"/>
      <c r="APH68" s="84"/>
      <c r="API68" s="84"/>
      <c r="APJ68" s="84"/>
      <c r="APK68" s="84"/>
      <c r="APL68" s="84"/>
      <c r="APM68" s="84"/>
      <c r="APN68" s="84"/>
      <c r="APO68" s="84"/>
      <c r="APP68" s="84"/>
      <c r="APQ68" s="84"/>
      <c r="APR68" s="84"/>
      <c r="APS68" s="84"/>
      <c r="APT68" s="84"/>
      <c r="APU68" s="84"/>
      <c r="APV68" s="84"/>
      <c r="APW68" s="84"/>
      <c r="APX68" s="84"/>
      <c r="APY68" s="84"/>
      <c r="APZ68" s="84"/>
      <c r="AQA68" s="84"/>
      <c r="AQB68" s="84"/>
      <c r="AQC68" s="84"/>
      <c r="AQD68" s="84"/>
      <c r="AQE68" s="84"/>
      <c r="AQF68" s="84"/>
      <c r="AQG68" s="84"/>
      <c r="AQH68" s="84"/>
      <c r="AQI68" s="84"/>
      <c r="AQJ68" s="84"/>
      <c r="AQK68" s="84"/>
      <c r="AQL68" s="84"/>
      <c r="AQM68" s="84"/>
      <c r="AQN68" s="84"/>
      <c r="AQO68" s="84"/>
      <c r="AQP68" s="84"/>
      <c r="AQQ68" s="84"/>
      <c r="AQR68" s="84"/>
      <c r="AQS68" s="84"/>
      <c r="AQT68" s="84"/>
      <c r="AQU68" s="84"/>
      <c r="AQV68" s="84"/>
      <c r="AQW68" s="84"/>
      <c r="AQX68" s="84"/>
      <c r="AQY68" s="84"/>
      <c r="AQZ68" s="84"/>
      <c r="ARA68" s="84"/>
      <c r="ARB68" s="84"/>
      <c r="ARC68" s="84"/>
      <c r="ARD68" s="84"/>
      <c r="ARE68" s="84"/>
      <c r="ARF68" s="84"/>
      <c r="ARG68" s="84"/>
      <c r="ARH68" s="84"/>
      <c r="ARI68" s="84"/>
      <c r="ARJ68" s="84"/>
      <c r="ARK68" s="84"/>
      <c r="ARL68" s="84"/>
      <c r="ARM68" s="84"/>
      <c r="ARN68" s="84"/>
      <c r="ARO68" s="84"/>
      <c r="ARP68" s="84"/>
      <c r="ARQ68" s="84"/>
      <c r="ARR68" s="84"/>
      <c r="ARS68" s="84"/>
      <c r="ART68" s="84"/>
      <c r="ARU68" s="84"/>
      <c r="ARV68" s="84"/>
      <c r="ARW68" s="84"/>
      <c r="ARX68" s="84"/>
      <c r="ARY68" s="84"/>
      <c r="ARZ68" s="84"/>
      <c r="ASA68" s="84"/>
      <c r="ASB68" s="84"/>
      <c r="ASC68" s="84"/>
      <c r="ASD68" s="84"/>
      <c r="ASE68" s="84"/>
      <c r="ASF68" s="84"/>
      <c r="ASG68" s="84"/>
      <c r="ASH68" s="84"/>
      <c r="ASI68" s="84"/>
      <c r="ASJ68" s="84"/>
      <c r="ASK68" s="84"/>
      <c r="ASL68" s="84"/>
      <c r="ASM68" s="84"/>
      <c r="ASN68" s="84"/>
      <c r="ASO68" s="84"/>
      <c r="ASP68" s="84"/>
      <c r="ASQ68" s="84"/>
      <c r="ASR68" s="84"/>
      <c r="ASS68" s="84"/>
      <c r="AST68" s="84"/>
      <c r="ASU68" s="84"/>
      <c r="ASV68" s="84"/>
      <c r="ASW68" s="84"/>
      <c r="ASX68" s="84"/>
      <c r="ASY68" s="84"/>
      <c r="ASZ68" s="84"/>
      <c r="ATA68" s="84"/>
      <c r="ATB68" s="84"/>
      <c r="ATC68" s="84"/>
      <c r="ATD68" s="84"/>
      <c r="ATE68" s="84"/>
      <c r="ATF68" s="84"/>
      <c r="ATG68" s="84"/>
      <c r="ATH68" s="84"/>
      <c r="ATI68" s="84"/>
      <c r="ATJ68" s="84"/>
      <c r="ATK68" s="84"/>
      <c r="ATL68" s="84"/>
      <c r="ATM68" s="84"/>
      <c r="ATN68" s="84"/>
      <c r="ATO68" s="84"/>
      <c r="ATP68" s="84"/>
      <c r="ATQ68" s="84"/>
      <c r="ATR68" s="84"/>
      <c r="ATS68" s="84"/>
      <c r="ATT68" s="84"/>
      <c r="ATU68" s="84"/>
      <c r="ATV68" s="84"/>
      <c r="ATW68" s="84"/>
      <c r="ATX68" s="84"/>
      <c r="ATY68" s="84"/>
      <c r="ATZ68" s="84"/>
      <c r="AUA68" s="84"/>
      <c r="AUB68" s="84"/>
      <c r="AUC68" s="84"/>
      <c r="AUD68" s="84"/>
      <c r="AUE68" s="84"/>
      <c r="AUF68" s="84"/>
      <c r="AUG68" s="84"/>
      <c r="AUH68" s="84"/>
      <c r="AUI68" s="84"/>
      <c r="AUJ68" s="84"/>
      <c r="AUK68" s="84"/>
      <c r="AUL68" s="84"/>
      <c r="AUM68" s="84"/>
      <c r="AUN68" s="84"/>
      <c r="AUO68" s="84"/>
      <c r="AUP68" s="84"/>
      <c r="AUQ68" s="84"/>
      <c r="AUR68" s="84"/>
      <c r="AUS68" s="84"/>
      <c r="AUT68" s="84"/>
      <c r="AUU68" s="84"/>
      <c r="AUV68" s="84"/>
      <c r="AUW68" s="84"/>
      <c r="AUX68" s="84"/>
      <c r="AUY68" s="84"/>
      <c r="AUZ68" s="84"/>
      <c r="AVA68" s="84"/>
      <c r="AVB68" s="84"/>
      <c r="AVC68" s="84"/>
      <c r="AVD68" s="84"/>
      <c r="AVE68" s="84"/>
      <c r="AVF68" s="84"/>
      <c r="AVG68" s="84"/>
      <c r="AVH68" s="84"/>
      <c r="AVI68" s="84"/>
      <c r="AVJ68" s="84"/>
      <c r="AVK68" s="84"/>
      <c r="AVL68" s="84"/>
      <c r="AVM68" s="84"/>
      <c r="AVN68" s="84"/>
      <c r="AVO68" s="84"/>
      <c r="AVP68" s="84"/>
      <c r="AVQ68" s="84"/>
      <c r="AVR68" s="84"/>
      <c r="AVS68" s="84"/>
      <c r="AVT68" s="84"/>
      <c r="AVU68" s="84"/>
      <c r="AVV68" s="84"/>
      <c r="AVW68" s="84"/>
      <c r="AVX68" s="84"/>
      <c r="AVY68" s="84"/>
      <c r="AVZ68" s="84"/>
      <c r="AWA68" s="84"/>
      <c r="AWB68" s="84"/>
      <c r="AWC68" s="84"/>
      <c r="AWD68" s="84"/>
      <c r="AWE68" s="84"/>
      <c r="AWF68" s="84"/>
      <c r="AWG68" s="84"/>
      <c r="AWH68" s="84"/>
      <c r="AWI68" s="84"/>
      <c r="AWJ68" s="84"/>
      <c r="AWK68" s="84"/>
      <c r="AWL68" s="84"/>
      <c r="AWM68" s="84"/>
      <c r="AWN68" s="84"/>
      <c r="AWO68" s="84"/>
      <c r="AWP68" s="84"/>
      <c r="AWQ68" s="84"/>
      <c r="AWR68" s="84"/>
      <c r="AWS68" s="84"/>
      <c r="AWT68" s="84"/>
      <c r="AWU68" s="84"/>
      <c r="AWV68" s="84"/>
      <c r="AWW68" s="84"/>
      <c r="AWX68" s="84"/>
      <c r="AWY68" s="84"/>
      <c r="AWZ68" s="84"/>
      <c r="AXA68" s="84"/>
      <c r="AXB68" s="84"/>
      <c r="AXC68" s="84"/>
      <c r="AXD68" s="84"/>
      <c r="AXE68" s="84"/>
      <c r="AXF68" s="84"/>
      <c r="AXG68" s="84"/>
      <c r="AXH68" s="84"/>
      <c r="AXI68" s="84"/>
      <c r="AXJ68" s="84"/>
      <c r="AXK68" s="84"/>
      <c r="AXL68" s="84"/>
      <c r="AXM68" s="84"/>
      <c r="AXN68" s="84"/>
      <c r="AXO68" s="84"/>
      <c r="AXP68" s="84"/>
      <c r="AXQ68" s="84"/>
      <c r="AXR68" s="84"/>
      <c r="AXS68" s="84"/>
      <c r="AXT68" s="84"/>
      <c r="AXU68" s="84"/>
      <c r="AXV68" s="84"/>
      <c r="AXW68" s="84"/>
      <c r="AXX68" s="84"/>
      <c r="AXY68" s="84"/>
      <c r="AXZ68" s="84"/>
      <c r="AYA68" s="84"/>
      <c r="AYB68" s="84"/>
      <c r="AYC68" s="84"/>
      <c r="AYD68" s="84"/>
      <c r="AYE68" s="84"/>
      <c r="AYF68" s="84"/>
      <c r="AYG68" s="84"/>
      <c r="AYH68" s="84"/>
      <c r="AYI68" s="84"/>
      <c r="AYJ68" s="84"/>
      <c r="AYK68" s="84"/>
      <c r="AYL68" s="84"/>
      <c r="AYM68" s="84"/>
      <c r="AYN68" s="84"/>
      <c r="AYO68" s="84"/>
      <c r="AYP68" s="84"/>
      <c r="AYQ68" s="84"/>
      <c r="AYR68" s="84"/>
      <c r="AYS68" s="84"/>
      <c r="AYT68" s="84"/>
      <c r="AYU68" s="84"/>
      <c r="AYV68" s="84"/>
      <c r="AYW68" s="84"/>
      <c r="AYX68" s="84"/>
      <c r="AYY68" s="84"/>
      <c r="AYZ68" s="84"/>
      <c r="AZA68" s="84"/>
      <c r="AZB68" s="84"/>
      <c r="AZC68" s="84"/>
      <c r="AZD68" s="84"/>
      <c r="AZE68" s="84"/>
      <c r="AZF68" s="84"/>
      <c r="AZG68" s="84"/>
      <c r="AZH68" s="84"/>
      <c r="AZI68" s="84"/>
      <c r="AZJ68" s="84"/>
      <c r="AZK68" s="84"/>
      <c r="AZL68" s="84"/>
      <c r="AZM68" s="84"/>
      <c r="AZN68" s="84"/>
      <c r="AZO68" s="84"/>
      <c r="AZP68" s="84"/>
      <c r="AZQ68" s="84"/>
      <c r="AZR68" s="84"/>
      <c r="AZS68" s="84"/>
      <c r="AZT68" s="84"/>
      <c r="AZU68" s="84"/>
      <c r="AZV68" s="84"/>
      <c r="AZW68" s="84"/>
      <c r="AZX68" s="84"/>
      <c r="AZY68" s="84"/>
      <c r="AZZ68" s="84"/>
      <c r="BAA68" s="84"/>
      <c r="BAB68" s="84"/>
      <c r="BAC68" s="84"/>
      <c r="BAD68" s="84"/>
      <c r="BAE68" s="84"/>
      <c r="BAF68" s="84"/>
      <c r="BAG68" s="84"/>
      <c r="BAH68" s="84"/>
      <c r="BAI68" s="84"/>
      <c r="BAJ68" s="84"/>
      <c r="BAK68" s="84"/>
      <c r="BAL68" s="84"/>
      <c r="BAM68" s="84"/>
      <c r="BAN68" s="84"/>
      <c r="BAO68" s="84"/>
      <c r="BAP68" s="84"/>
      <c r="BAQ68" s="84"/>
      <c r="BAR68" s="84"/>
      <c r="BAS68" s="84"/>
      <c r="BAT68" s="84"/>
      <c r="BAU68" s="84"/>
      <c r="BAV68" s="84"/>
      <c r="BAW68" s="84"/>
      <c r="BAX68" s="84"/>
      <c r="BAY68" s="84"/>
      <c r="BAZ68" s="84"/>
      <c r="BBA68" s="84"/>
      <c r="BBB68" s="84"/>
      <c r="BBC68" s="84"/>
      <c r="BBD68" s="84"/>
      <c r="BBE68" s="84"/>
      <c r="BBF68" s="84"/>
      <c r="BBG68" s="84"/>
      <c r="BBH68" s="84"/>
      <c r="BBI68" s="84"/>
      <c r="BBJ68" s="84"/>
      <c r="BBK68" s="84"/>
      <c r="BBL68" s="84"/>
      <c r="BBM68" s="84"/>
      <c r="BBN68" s="84"/>
    </row>
    <row r="69" spans="1:1418" s="80" customFormat="1" ht="18.75" customHeight="1" x14ac:dyDescent="0.2">
      <c r="A69" s="190"/>
      <c r="B69" s="190"/>
      <c r="C69" s="190"/>
      <c r="D69" s="190"/>
      <c r="E69" s="190"/>
      <c r="F69" s="190"/>
      <c r="G69" s="190"/>
      <c r="H69" s="190"/>
      <c r="I69" s="190"/>
      <c r="J69" s="190"/>
    </row>
    <row r="70" spans="1:1418" s="80" customFormat="1" ht="3" customHeight="1" x14ac:dyDescent="0.2">
      <c r="A70" s="81"/>
      <c r="B70" s="81"/>
      <c r="C70" s="108"/>
      <c r="D70" s="81"/>
      <c r="E70" s="107"/>
      <c r="F70" s="81"/>
      <c r="G70" s="81"/>
      <c r="H70" s="81"/>
      <c r="I70" s="81"/>
      <c r="J70" s="81"/>
    </row>
    <row r="71" spans="1:1418" s="85" customFormat="1" ht="15" customHeight="1" x14ac:dyDescent="0.2">
      <c r="A71" s="86" t="s">
        <v>23</v>
      </c>
      <c r="B71" s="87"/>
      <c r="C71" s="87"/>
      <c r="D71" s="87"/>
      <c r="E71" s="87"/>
      <c r="F71" s="87"/>
      <c r="G71" s="87"/>
      <c r="H71" s="87"/>
      <c r="I71" s="87"/>
      <c r="J71" s="87"/>
      <c r="K71" s="84"/>
      <c r="L71" s="84"/>
      <c r="M71" s="84"/>
      <c r="N71" s="84"/>
      <c r="O71" s="84"/>
      <c r="P71" s="84"/>
      <c r="Q71" s="84"/>
      <c r="R71" s="84"/>
      <c r="S71" s="84"/>
      <c r="T71" s="84"/>
      <c r="U71" s="84"/>
      <c r="V71" s="84"/>
      <c r="W71" s="84"/>
      <c r="X71" s="84"/>
      <c r="Y71" s="84"/>
      <c r="Z71" s="84"/>
      <c r="AA71" s="84"/>
      <c r="AB71" s="84"/>
      <c r="AC71" s="84"/>
      <c r="AD71" s="84"/>
      <c r="AE71" s="84"/>
      <c r="AF71" s="84"/>
      <c r="AG71" s="84"/>
      <c r="AH71" s="84"/>
      <c r="AI71" s="84"/>
      <c r="AJ71" s="84"/>
      <c r="AK71" s="84"/>
      <c r="AL71" s="84"/>
      <c r="AM71" s="84"/>
      <c r="AN71" s="84"/>
      <c r="AO71" s="84"/>
      <c r="AP71" s="84"/>
      <c r="AQ71" s="84"/>
      <c r="AR71" s="84"/>
      <c r="AS71" s="84"/>
      <c r="AT71" s="84"/>
      <c r="AU71" s="84"/>
      <c r="AV71" s="84"/>
      <c r="AW71" s="84"/>
      <c r="AX71" s="84"/>
      <c r="AY71" s="84"/>
      <c r="AZ71" s="84"/>
      <c r="BA71" s="84"/>
      <c r="BB71" s="84"/>
      <c r="BC71" s="84"/>
      <c r="BD71" s="84"/>
      <c r="BE71" s="84"/>
      <c r="BF71" s="84"/>
      <c r="BG71" s="84"/>
      <c r="BH71" s="84"/>
      <c r="BI71" s="84"/>
      <c r="BJ71" s="84"/>
      <c r="BK71" s="84"/>
      <c r="BL71" s="84"/>
      <c r="BM71" s="84"/>
      <c r="BN71" s="84"/>
      <c r="BO71" s="84"/>
      <c r="BP71" s="84"/>
      <c r="BQ71" s="84"/>
      <c r="BR71" s="84"/>
      <c r="BS71" s="84"/>
      <c r="BT71" s="84"/>
      <c r="BU71" s="84"/>
      <c r="BV71" s="84"/>
      <c r="BW71" s="84"/>
      <c r="BX71" s="84"/>
      <c r="BY71" s="84"/>
      <c r="BZ71" s="84"/>
      <c r="CA71" s="84"/>
      <c r="CB71" s="84"/>
      <c r="CC71" s="84"/>
      <c r="CD71" s="84"/>
      <c r="CE71" s="84"/>
      <c r="CF71" s="84"/>
      <c r="CG71" s="84"/>
      <c r="CH71" s="84"/>
      <c r="CI71" s="84"/>
      <c r="CJ71" s="84"/>
      <c r="CK71" s="84"/>
      <c r="CL71" s="84"/>
      <c r="CM71" s="84"/>
      <c r="CN71" s="84"/>
      <c r="CO71" s="84"/>
      <c r="CP71" s="84"/>
      <c r="CQ71" s="84"/>
      <c r="CR71" s="84"/>
      <c r="CS71" s="84"/>
      <c r="CT71" s="84"/>
      <c r="CU71" s="84"/>
      <c r="CV71" s="84"/>
      <c r="CW71" s="84"/>
      <c r="CX71" s="84"/>
      <c r="CY71" s="84"/>
      <c r="CZ71" s="84"/>
      <c r="DA71" s="84"/>
      <c r="DB71" s="84"/>
      <c r="DC71" s="84"/>
      <c r="DD71" s="84"/>
      <c r="DE71" s="84"/>
      <c r="DF71" s="84"/>
      <c r="DG71" s="84"/>
      <c r="DH71" s="84"/>
      <c r="DI71" s="84"/>
      <c r="DJ71" s="84"/>
      <c r="DK71" s="84"/>
      <c r="DL71" s="84"/>
      <c r="DM71" s="84"/>
      <c r="DN71" s="84"/>
      <c r="DO71" s="84"/>
      <c r="DP71" s="84"/>
      <c r="DQ71" s="84"/>
      <c r="DR71" s="84"/>
      <c r="DS71" s="84"/>
      <c r="DT71" s="84"/>
      <c r="DU71" s="84"/>
      <c r="DV71" s="84"/>
      <c r="DW71" s="84"/>
      <c r="DX71" s="84"/>
      <c r="DY71" s="84"/>
      <c r="DZ71" s="84"/>
      <c r="EA71" s="84"/>
      <c r="EB71" s="84"/>
      <c r="EC71" s="84"/>
      <c r="ED71" s="84"/>
      <c r="EE71" s="84"/>
      <c r="EF71" s="84"/>
      <c r="EG71" s="84"/>
      <c r="EH71" s="84"/>
      <c r="EI71" s="84"/>
      <c r="EJ71" s="84"/>
      <c r="EK71" s="84"/>
      <c r="EL71" s="84"/>
      <c r="EM71" s="84"/>
      <c r="EN71" s="84"/>
      <c r="EO71" s="84"/>
      <c r="EP71" s="84"/>
      <c r="EQ71" s="84"/>
      <c r="ER71" s="84"/>
      <c r="ES71" s="84"/>
      <c r="ET71" s="84"/>
      <c r="EU71" s="84"/>
      <c r="EV71" s="84"/>
      <c r="EW71" s="84"/>
      <c r="EX71" s="84"/>
      <c r="EY71" s="84"/>
      <c r="EZ71" s="84"/>
      <c r="FA71" s="84"/>
      <c r="FB71" s="84"/>
      <c r="FC71" s="84"/>
      <c r="FD71" s="84"/>
      <c r="FE71" s="84"/>
      <c r="FF71" s="84"/>
      <c r="FG71" s="84"/>
      <c r="FH71" s="84"/>
      <c r="FI71" s="84"/>
      <c r="FJ71" s="84"/>
      <c r="FK71" s="84"/>
      <c r="FL71" s="84"/>
      <c r="FM71" s="84"/>
      <c r="FN71" s="84"/>
      <c r="FO71" s="84"/>
      <c r="FP71" s="84"/>
      <c r="FQ71" s="84"/>
      <c r="FR71" s="84"/>
      <c r="FS71" s="84"/>
      <c r="FT71" s="84"/>
      <c r="FU71" s="84"/>
      <c r="FV71" s="84"/>
      <c r="FW71" s="84"/>
      <c r="FX71" s="84"/>
      <c r="FY71" s="84"/>
      <c r="FZ71" s="84"/>
      <c r="GA71" s="84"/>
      <c r="GB71" s="84"/>
      <c r="GC71" s="84"/>
      <c r="GD71" s="84"/>
      <c r="GE71" s="84"/>
      <c r="GF71" s="84"/>
      <c r="GG71" s="84"/>
      <c r="GH71" s="84"/>
      <c r="GI71" s="84"/>
      <c r="GJ71" s="84"/>
      <c r="GK71" s="84"/>
      <c r="GL71" s="84"/>
      <c r="GM71" s="84"/>
      <c r="GN71" s="84"/>
      <c r="GO71" s="84"/>
      <c r="GP71" s="84"/>
      <c r="GQ71" s="84"/>
      <c r="GR71" s="84"/>
      <c r="GS71" s="84"/>
      <c r="GT71" s="84"/>
      <c r="GU71" s="84"/>
      <c r="GV71" s="84"/>
      <c r="GW71" s="84"/>
      <c r="GX71" s="84"/>
      <c r="GY71" s="84"/>
      <c r="GZ71" s="84"/>
      <c r="HA71" s="84"/>
      <c r="HB71" s="84"/>
      <c r="HC71" s="84"/>
      <c r="HD71" s="84"/>
      <c r="HE71" s="84"/>
      <c r="HF71" s="84"/>
      <c r="HG71" s="84"/>
      <c r="HH71" s="84"/>
      <c r="HI71" s="84"/>
      <c r="HJ71" s="84"/>
      <c r="HK71" s="84"/>
      <c r="HL71" s="84"/>
      <c r="HM71" s="84"/>
      <c r="HN71" s="84"/>
      <c r="HO71" s="84"/>
      <c r="HP71" s="84"/>
      <c r="HQ71" s="84"/>
      <c r="HR71" s="84"/>
      <c r="HS71" s="84"/>
      <c r="HT71" s="84"/>
      <c r="HU71" s="84"/>
      <c r="HV71" s="84"/>
      <c r="HW71" s="84"/>
      <c r="HX71" s="84"/>
      <c r="HY71" s="84"/>
      <c r="HZ71" s="84"/>
      <c r="IA71" s="84"/>
      <c r="IB71" s="84"/>
      <c r="IC71" s="84"/>
      <c r="ID71" s="84"/>
      <c r="IE71" s="84"/>
      <c r="IF71" s="84"/>
      <c r="IG71" s="84"/>
      <c r="IH71" s="84"/>
      <c r="II71" s="84"/>
      <c r="IJ71" s="84"/>
      <c r="IK71" s="84"/>
      <c r="IL71" s="84"/>
      <c r="IM71" s="84"/>
      <c r="IN71" s="84"/>
      <c r="IO71" s="84"/>
      <c r="IP71" s="84"/>
      <c r="IQ71" s="84"/>
      <c r="IR71" s="84"/>
      <c r="IS71" s="84"/>
      <c r="IT71" s="84"/>
      <c r="IU71" s="84"/>
      <c r="IV71" s="84"/>
      <c r="IW71" s="84"/>
      <c r="IX71" s="84"/>
      <c r="IY71" s="84"/>
      <c r="IZ71" s="84"/>
      <c r="JA71" s="84"/>
      <c r="JB71" s="84"/>
      <c r="JC71" s="84"/>
      <c r="JD71" s="84"/>
      <c r="JE71" s="84"/>
      <c r="JF71" s="84"/>
      <c r="JG71" s="84"/>
      <c r="JH71" s="84"/>
      <c r="JI71" s="84"/>
      <c r="JJ71" s="84"/>
      <c r="JK71" s="84"/>
      <c r="JL71" s="84"/>
      <c r="JM71" s="84"/>
      <c r="JN71" s="84"/>
      <c r="JO71" s="84"/>
      <c r="JP71" s="84"/>
      <c r="JQ71" s="84"/>
      <c r="JR71" s="84"/>
      <c r="JS71" s="84"/>
      <c r="JT71" s="84"/>
      <c r="JU71" s="84"/>
      <c r="JV71" s="84"/>
      <c r="JW71" s="84"/>
      <c r="JX71" s="84"/>
      <c r="JY71" s="84"/>
      <c r="JZ71" s="84"/>
      <c r="KA71" s="84"/>
      <c r="KB71" s="84"/>
      <c r="KC71" s="84"/>
      <c r="KD71" s="84"/>
      <c r="KE71" s="84"/>
      <c r="KF71" s="84"/>
      <c r="KG71" s="84"/>
      <c r="KH71" s="84"/>
      <c r="KI71" s="84"/>
      <c r="KJ71" s="84"/>
      <c r="KK71" s="84"/>
      <c r="KL71" s="84"/>
      <c r="KM71" s="84"/>
      <c r="KN71" s="84"/>
      <c r="KO71" s="84"/>
      <c r="KP71" s="84"/>
      <c r="KQ71" s="84"/>
      <c r="KR71" s="84"/>
      <c r="KS71" s="84"/>
      <c r="KT71" s="84"/>
      <c r="KU71" s="84"/>
      <c r="KV71" s="84"/>
      <c r="KW71" s="84"/>
      <c r="KX71" s="84"/>
      <c r="KY71" s="84"/>
      <c r="KZ71" s="84"/>
      <c r="LA71" s="84"/>
      <c r="LB71" s="84"/>
      <c r="LC71" s="84"/>
      <c r="LD71" s="84"/>
      <c r="LE71" s="84"/>
      <c r="LF71" s="84"/>
      <c r="LG71" s="84"/>
      <c r="LH71" s="84"/>
      <c r="LI71" s="84"/>
      <c r="LJ71" s="84"/>
      <c r="LK71" s="84"/>
      <c r="LL71" s="84"/>
      <c r="LM71" s="84"/>
      <c r="LN71" s="84"/>
      <c r="LO71" s="84"/>
      <c r="LP71" s="84"/>
      <c r="LQ71" s="84"/>
      <c r="LR71" s="84"/>
      <c r="LS71" s="84"/>
      <c r="LT71" s="84"/>
      <c r="LU71" s="84"/>
      <c r="LV71" s="84"/>
      <c r="LW71" s="84"/>
      <c r="LX71" s="84"/>
      <c r="LY71" s="84"/>
      <c r="LZ71" s="84"/>
      <c r="MA71" s="84"/>
      <c r="MB71" s="84"/>
      <c r="MC71" s="84"/>
      <c r="MD71" s="84"/>
      <c r="ME71" s="84"/>
      <c r="MF71" s="84"/>
      <c r="MG71" s="84"/>
      <c r="MH71" s="84"/>
      <c r="MI71" s="84"/>
      <c r="MJ71" s="84"/>
      <c r="MK71" s="84"/>
      <c r="ML71" s="84"/>
      <c r="MM71" s="84"/>
      <c r="MN71" s="84"/>
      <c r="MO71" s="84"/>
      <c r="MP71" s="84"/>
      <c r="MQ71" s="84"/>
      <c r="MR71" s="84"/>
      <c r="MS71" s="84"/>
      <c r="MT71" s="84"/>
      <c r="MU71" s="84"/>
      <c r="MV71" s="84"/>
      <c r="MW71" s="84"/>
      <c r="MX71" s="84"/>
      <c r="MY71" s="84"/>
      <c r="MZ71" s="84"/>
      <c r="NA71" s="84"/>
      <c r="NB71" s="84"/>
      <c r="NC71" s="84"/>
      <c r="ND71" s="84"/>
      <c r="NE71" s="84"/>
      <c r="NF71" s="84"/>
      <c r="NG71" s="84"/>
      <c r="NH71" s="84"/>
      <c r="NI71" s="84"/>
      <c r="NJ71" s="84"/>
      <c r="NK71" s="84"/>
      <c r="NL71" s="84"/>
      <c r="NM71" s="84"/>
      <c r="NN71" s="84"/>
      <c r="NO71" s="84"/>
      <c r="NP71" s="84"/>
      <c r="NQ71" s="84"/>
      <c r="NR71" s="84"/>
      <c r="NS71" s="84"/>
      <c r="NT71" s="84"/>
      <c r="NU71" s="84"/>
      <c r="NV71" s="84"/>
      <c r="NW71" s="84"/>
      <c r="NX71" s="84"/>
      <c r="NY71" s="84"/>
      <c r="NZ71" s="84"/>
      <c r="OA71" s="84"/>
      <c r="OB71" s="84"/>
      <c r="OC71" s="84"/>
      <c r="OD71" s="84"/>
      <c r="OE71" s="84"/>
      <c r="OF71" s="84"/>
      <c r="OG71" s="84"/>
      <c r="OH71" s="84"/>
      <c r="OI71" s="84"/>
      <c r="OJ71" s="84"/>
      <c r="OK71" s="84"/>
      <c r="OL71" s="84"/>
      <c r="OM71" s="84"/>
      <c r="ON71" s="84"/>
      <c r="OO71" s="84"/>
      <c r="OP71" s="84"/>
      <c r="OQ71" s="84"/>
      <c r="OR71" s="84"/>
      <c r="OS71" s="84"/>
      <c r="OT71" s="84"/>
      <c r="OU71" s="84"/>
      <c r="OV71" s="84"/>
      <c r="OW71" s="84"/>
      <c r="OX71" s="84"/>
      <c r="OY71" s="84"/>
      <c r="OZ71" s="84"/>
      <c r="PA71" s="84"/>
      <c r="PB71" s="84"/>
      <c r="PC71" s="84"/>
      <c r="PD71" s="84"/>
      <c r="PE71" s="84"/>
      <c r="PF71" s="84"/>
      <c r="PG71" s="84"/>
      <c r="PH71" s="84"/>
      <c r="PI71" s="84"/>
      <c r="PJ71" s="84"/>
      <c r="PK71" s="84"/>
      <c r="PL71" s="84"/>
      <c r="PM71" s="84"/>
      <c r="PN71" s="84"/>
      <c r="PO71" s="84"/>
      <c r="PP71" s="84"/>
      <c r="PQ71" s="84"/>
      <c r="PR71" s="84"/>
      <c r="PS71" s="84"/>
      <c r="PT71" s="84"/>
      <c r="PU71" s="84"/>
      <c r="PV71" s="84"/>
      <c r="PW71" s="84"/>
      <c r="PX71" s="84"/>
      <c r="PY71" s="84"/>
      <c r="PZ71" s="84"/>
      <c r="QA71" s="84"/>
      <c r="QB71" s="84"/>
      <c r="QC71" s="84"/>
      <c r="QD71" s="84"/>
      <c r="QE71" s="84"/>
      <c r="QF71" s="84"/>
      <c r="QG71" s="84"/>
      <c r="QH71" s="84"/>
      <c r="QI71" s="84"/>
      <c r="QJ71" s="84"/>
      <c r="QK71" s="84"/>
      <c r="QL71" s="84"/>
      <c r="QM71" s="84"/>
      <c r="QN71" s="84"/>
      <c r="QO71" s="84"/>
      <c r="QP71" s="84"/>
      <c r="QQ71" s="84"/>
      <c r="QR71" s="84"/>
      <c r="QS71" s="84"/>
      <c r="QT71" s="84"/>
      <c r="QU71" s="84"/>
      <c r="QV71" s="84"/>
      <c r="QW71" s="84"/>
      <c r="QX71" s="84"/>
      <c r="QY71" s="84"/>
      <c r="QZ71" s="84"/>
      <c r="RA71" s="84"/>
      <c r="RB71" s="84"/>
      <c r="RC71" s="84"/>
      <c r="RD71" s="84"/>
      <c r="RE71" s="84"/>
      <c r="RF71" s="84"/>
      <c r="RG71" s="84"/>
      <c r="RH71" s="84"/>
      <c r="RI71" s="84"/>
      <c r="RJ71" s="84"/>
      <c r="RK71" s="84"/>
      <c r="RL71" s="84"/>
      <c r="RM71" s="84"/>
      <c r="RN71" s="84"/>
      <c r="RO71" s="84"/>
      <c r="RP71" s="84"/>
      <c r="RQ71" s="84"/>
      <c r="RR71" s="84"/>
      <c r="RS71" s="84"/>
      <c r="RT71" s="84"/>
      <c r="RU71" s="84"/>
      <c r="RV71" s="84"/>
      <c r="RW71" s="84"/>
      <c r="RX71" s="84"/>
      <c r="RY71" s="84"/>
      <c r="RZ71" s="84"/>
      <c r="SA71" s="84"/>
      <c r="SB71" s="84"/>
      <c r="SC71" s="84"/>
      <c r="SD71" s="84"/>
      <c r="SE71" s="84"/>
      <c r="SF71" s="84"/>
      <c r="SG71" s="84"/>
      <c r="SH71" s="84"/>
      <c r="SI71" s="84"/>
      <c r="SJ71" s="84"/>
      <c r="SK71" s="84"/>
      <c r="SL71" s="84"/>
      <c r="SM71" s="84"/>
      <c r="SN71" s="84"/>
      <c r="SO71" s="84"/>
      <c r="SP71" s="84"/>
      <c r="SQ71" s="84"/>
      <c r="SR71" s="84"/>
      <c r="SS71" s="84"/>
      <c r="ST71" s="84"/>
      <c r="SU71" s="84"/>
      <c r="SV71" s="84"/>
      <c r="SW71" s="84"/>
      <c r="SX71" s="84"/>
      <c r="SY71" s="84"/>
      <c r="SZ71" s="84"/>
      <c r="TA71" s="84"/>
      <c r="TB71" s="84"/>
      <c r="TC71" s="84"/>
      <c r="TD71" s="84"/>
      <c r="TE71" s="84"/>
      <c r="TF71" s="84"/>
      <c r="TG71" s="84"/>
      <c r="TH71" s="84"/>
      <c r="TI71" s="84"/>
      <c r="TJ71" s="84"/>
      <c r="TK71" s="84"/>
      <c r="TL71" s="84"/>
      <c r="TM71" s="84"/>
      <c r="TN71" s="84"/>
      <c r="TO71" s="84"/>
      <c r="TP71" s="84"/>
      <c r="TQ71" s="84"/>
      <c r="TR71" s="84"/>
      <c r="TS71" s="84"/>
      <c r="TT71" s="84"/>
      <c r="TU71" s="84"/>
      <c r="TV71" s="84"/>
      <c r="TW71" s="84"/>
      <c r="TX71" s="84"/>
      <c r="TY71" s="84"/>
      <c r="TZ71" s="84"/>
      <c r="UA71" s="84"/>
      <c r="UB71" s="84"/>
      <c r="UC71" s="84"/>
      <c r="UD71" s="84"/>
      <c r="UE71" s="84"/>
      <c r="UF71" s="84"/>
      <c r="UG71" s="84"/>
      <c r="UH71" s="84"/>
      <c r="UI71" s="84"/>
      <c r="UJ71" s="84"/>
      <c r="UK71" s="84"/>
      <c r="UL71" s="84"/>
      <c r="UM71" s="84"/>
      <c r="UN71" s="84"/>
      <c r="UO71" s="84"/>
      <c r="UP71" s="84"/>
      <c r="UQ71" s="84"/>
      <c r="UR71" s="84"/>
      <c r="US71" s="84"/>
      <c r="UT71" s="84"/>
      <c r="UU71" s="84"/>
      <c r="UV71" s="84"/>
      <c r="UW71" s="84"/>
      <c r="UX71" s="84"/>
      <c r="UY71" s="84"/>
      <c r="UZ71" s="84"/>
      <c r="VA71" s="84"/>
      <c r="VB71" s="84"/>
      <c r="VC71" s="84"/>
      <c r="VD71" s="84"/>
      <c r="VE71" s="84"/>
      <c r="VF71" s="84"/>
      <c r="VG71" s="84"/>
      <c r="VH71" s="84"/>
      <c r="VI71" s="84"/>
      <c r="VJ71" s="84"/>
      <c r="VK71" s="84"/>
      <c r="VL71" s="84"/>
      <c r="VM71" s="84"/>
      <c r="VN71" s="84"/>
      <c r="VO71" s="84"/>
      <c r="VP71" s="84"/>
      <c r="VQ71" s="84"/>
      <c r="VR71" s="84"/>
      <c r="VS71" s="84"/>
      <c r="VT71" s="84"/>
      <c r="VU71" s="84"/>
      <c r="VV71" s="84"/>
      <c r="VW71" s="84"/>
      <c r="VX71" s="84"/>
      <c r="VY71" s="84"/>
      <c r="VZ71" s="84"/>
      <c r="WA71" s="84"/>
      <c r="WB71" s="84"/>
      <c r="WC71" s="84"/>
      <c r="WD71" s="84"/>
      <c r="WE71" s="84"/>
      <c r="WF71" s="84"/>
      <c r="WG71" s="84"/>
      <c r="WH71" s="84"/>
      <c r="WI71" s="84"/>
      <c r="WJ71" s="84"/>
      <c r="WK71" s="84"/>
      <c r="WL71" s="84"/>
      <c r="WM71" s="84"/>
      <c r="WN71" s="84"/>
      <c r="WO71" s="84"/>
      <c r="WP71" s="84"/>
      <c r="WQ71" s="84"/>
      <c r="WR71" s="84"/>
      <c r="WS71" s="84"/>
      <c r="WT71" s="84"/>
      <c r="WU71" s="84"/>
      <c r="WV71" s="84"/>
      <c r="WW71" s="84"/>
      <c r="WX71" s="84"/>
      <c r="WY71" s="84"/>
      <c r="WZ71" s="84"/>
      <c r="XA71" s="84"/>
      <c r="XB71" s="84"/>
      <c r="XC71" s="84"/>
      <c r="XD71" s="84"/>
      <c r="XE71" s="84"/>
      <c r="XF71" s="84"/>
      <c r="XG71" s="84"/>
      <c r="XH71" s="84"/>
      <c r="XI71" s="84"/>
      <c r="XJ71" s="84"/>
      <c r="XK71" s="84"/>
      <c r="XL71" s="84"/>
      <c r="XM71" s="84"/>
      <c r="XN71" s="84"/>
      <c r="XO71" s="84"/>
      <c r="XP71" s="84"/>
      <c r="XQ71" s="84"/>
      <c r="XR71" s="84"/>
      <c r="XS71" s="84"/>
      <c r="XT71" s="84"/>
      <c r="XU71" s="84"/>
      <c r="XV71" s="84"/>
      <c r="XW71" s="84"/>
      <c r="XX71" s="84"/>
      <c r="XY71" s="84"/>
      <c r="XZ71" s="84"/>
      <c r="YA71" s="84"/>
      <c r="YB71" s="84"/>
      <c r="YC71" s="84"/>
      <c r="YD71" s="84"/>
      <c r="YE71" s="84"/>
      <c r="YF71" s="84"/>
      <c r="YG71" s="84"/>
      <c r="YH71" s="84"/>
      <c r="YI71" s="84"/>
      <c r="YJ71" s="84"/>
      <c r="YK71" s="84"/>
      <c r="YL71" s="84"/>
      <c r="YM71" s="84"/>
      <c r="YN71" s="84"/>
      <c r="YO71" s="84"/>
      <c r="YP71" s="84"/>
      <c r="YQ71" s="84"/>
      <c r="YR71" s="84"/>
      <c r="YS71" s="84"/>
      <c r="YT71" s="84"/>
      <c r="YU71" s="84"/>
      <c r="YV71" s="84"/>
      <c r="YW71" s="84"/>
      <c r="YX71" s="84"/>
      <c r="YY71" s="84"/>
      <c r="YZ71" s="84"/>
      <c r="ZA71" s="84"/>
      <c r="ZB71" s="84"/>
      <c r="ZC71" s="84"/>
      <c r="ZD71" s="84"/>
      <c r="ZE71" s="84"/>
      <c r="ZF71" s="84"/>
      <c r="ZG71" s="84"/>
      <c r="ZH71" s="84"/>
      <c r="ZI71" s="84"/>
      <c r="ZJ71" s="84"/>
      <c r="ZK71" s="84"/>
      <c r="ZL71" s="84"/>
      <c r="ZM71" s="84"/>
      <c r="ZN71" s="84"/>
      <c r="ZO71" s="84"/>
      <c r="ZP71" s="84"/>
      <c r="ZQ71" s="84"/>
      <c r="ZR71" s="84"/>
      <c r="ZS71" s="84"/>
      <c r="ZT71" s="84"/>
      <c r="ZU71" s="84"/>
      <c r="ZV71" s="84"/>
      <c r="ZW71" s="84"/>
      <c r="ZX71" s="84"/>
      <c r="ZY71" s="84"/>
      <c r="ZZ71" s="84"/>
      <c r="AAA71" s="84"/>
      <c r="AAB71" s="84"/>
      <c r="AAC71" s="84"/>
      <c r="AAD71" s="84"/>
      <c r="AAE71" s="84"/>
      <c r="AAF71" s="84"/>
      <c r="AAG71" s="84"/>
      <c r="AAH71" s="84"/>
      <c r="AAI71" s="84"/>
      <c r="AAJ71" s="84"/>
      <c r="AAK71" s="84"/>
      <c r="AAL71" s="84"/>
      <c r="AAM71" s="84"/>
      <c r="AAN71" s="84"/>
      <c r="AAO71" s="84"/>
      <c r="AAP71" s="84"/>
      <c r="AAQ71" s="84"/>
      <c r="AAR71" s="84"/>
      <c r="AAS71" s="84"/>
      <c r="AAT71" s="84"/>
      <c r="AAU71" s="84"/>
      <c r="AAV71" s="84"/>
      <c r="AAW71" s="84"/>
      <c r="AAX71" s="84"/>
      <c r="AAY71" s="84"/>
      <c r="AAZ71" s="84"/>
      <c r="ABA71" s="84"/>
      <c r="ABB71" s="84"/>
      <c r="ABC71" s="84"/>
      <c r="ABD71" s="84"/>
      <c r="ABE71" s="84"/>
      <c r="ABF71" s="84"/>
      <c r="ABG71" s="84"/>
      <c r="ABH71" s="84"/>
      <c r="ABI71" s="84"/>
      <c r="ABJ71" s="84"/>
      <c r="ABK71" s="84"/>
      <c r="ABL71" s="84"/>
      <c r="ABM71" s="84"/>
      <c r="ABN71" s="84"/>
      <c r="ABO71" s="84"/>
      <c r="ABP71" s="84"/>
      <c r="ABQ71" s="84"/>
      <c r="ABR71" s="84"/>
      <c r="ABS71" s="84"/>
      <c r="ABT71" s="84"/>
      <c r="ABU71" s="84"/>
      <c r="ABV71" s="84"/>
      <c r="ABW71" s="84"/>
      <c r="ABX71" s="84"/>
      <c r="ABY71" s="84"/>
      <c r="ABZ71" s="84"/>
      <c r="ACA71" s="84"/>
      <c r="ACB71" s="84"/>
      <c r="ACC71" s="84"/>
      <c r="ACD71" s="84"/>
      <c r="ACE71" s="84"/>
      <c r="ACF71" s="84"/>
      <c r="ACG71" s="84"/>
      <c r="ACH71" s="84"/>
      <c r="ACI71" s="84"/>
      <c r="ACJ71" s="84"/>
      <c r="ACK71" s="84"/>
      <c r="ACL71" s="84"/>
      <c r="ACM71" s="84"/>
      <c r="ACN71" s="84"/>
      <c r="ACO71" s="84"/>
      <c r="ACP71" s="84"/>
      <c r="ACQ71" s="84"/>
      <c r="ACR71" s="84"/>
      <c r="ACS71" s="84"/>
      <c r="ACT71" s="84"/>
      <c r="ACU71" s="84"/>
      <c r="ACV71" s="84"/>
      <c r="ACW71" s="84"/>
      <c r="ACX71" s="84"/>
      <c r="ACY71" s="84"/>
      <c r="ACZ71" s="84"/>
      <c r="ADA71" s="84"/>
      <c r="ADB71" s="84"/>
      <c r="ADC71" s="84"/>
      <c r="ADD71" s="84"/>
      <c r="ADE71" s="84"/>
      <c r="ADF71" s="84"/>
      <c r="ADG71" s="84"/>
      <c r="ADH71" s="84"/>
      <c r="ADI71" s="84"/>
      <c r="ADJ71" s="84"/>
      <c r="ADK71" s="84"/>
      <c r="ADL71" s="84"/>
      <c r="ADM71" s="84"/>
      <c r="ADN71" s="84"/>
      <c r="ADO71" s="84"/>
      <c r="ADP71" s="84"/>
      <c r="ADQ71" s="84"/>
      <c r="ADR71" s="84"/>
      <c r="ADS71" s="84"/>
      <c r="ADT71" s="84"/>
      <c r="ADU71" s="84"/>
      <c r="ADV71" s="84"/>
      <c r="ADW71" s="84"/>
      <c r="ADX71" s="84"/>
      <c r="ADY71" s="84"/>
      <c r="ADZ71" s="84"/>
      <c r="AEA71" s="84"/>
      <c r="AEB71" s="84"/>
      <c r="AEC71" s="84"/>
      <c r="AED71" s="84"/>
      <c r="AEE71" s="84"/>
      <c r="AEF71" s="84"/>
      <c r="AEG71" s="84"/>
      <c r="AEH71" s="84"/>
      <c r="AEI71" s="84"/>
      <c r="AEJ71" s="84"/>
      <c r="AEK71" s="84"/>
      <c r="AEL71" s="84"/>
      <c r="AEM71" s="84"/>
      <c r="AEN71" s="84"/>
      <c r="AEO71" s="84"/>
      <c r="AEP71" s="84"/>
      <c r="AEQ71" s="84"/>
      <c r="AER71" s="84"/>
      <c r="AES71" s="84"/>
      <c r="AET71" s="84"/>
      <c r="AEU71" s="84"/>
      <c r="AEV71" s="84"/>
      <c r="AEW71" s="84"/>
      <c r="AEX71" s="84"/>
      <c r="AEY71" s="84"/>
      <c r="AEZ71" s="84"/>
      <c r="AFA71" s="84"/>
      <c r="AFB71" s="84"/>
      <c r="AFC71" s="84"/>
      <c r="AFD71" s="84"/>
      <c r="AFE71" s="84"/>
      <c r="AFF71" s="84"/>
      <c r="AFG71" s="84"/>
      <c r="AFH71" s="84"/>
      <c r="AFI71" s="84"/>
      <c r="AFJ71" s="84"/>
      <c r="AFK71" s="84"/>
      <c r="AFL71" s="84"/>
      <c r="AFM71" s="84"/>
      <c r="AFN71" s="84"/>
      <c r="AFO71" s="84"/>
      <c r="AFP71" s="84"/>
      <c r="AFQ71" s="84"/>
      <c r="AFR71" s="84"/>
      <c r="AFS71" s="84"/>
      <c r="AFT71" s="84"/>
      <c r="AFU71" s="84"/>
      <c r="AFV71" s="84"/>
      <c r="AFW71" s="84"/>
      <c r="AFX71" s="84"/>
      <c r="AFY71" s="84"/>
      <c r="AFZ71" s="84"/>
      <c r="AGA71" s="84"/>
      <c r="AGB71" s="84"/>
      <c r="AGC71" s="84"/>
      <c r="AGD71" s="84"/>
      <c r="AGE71" s="84"/>
      <c r="AGF71" s="84"/>
      <c r="AGG71" s="84"/>
      <c r="AGH71" s="84"/>
      <c r="AGI71" s="84"/>
      <c r="AGJ71" s="84"/>
      <c r="AGK71" s="84"/>
      <c r="AGL71" s="84"/>
      <c r="AGM71" s="84"/>
      <c r="AGN71" s="84"/>
      <c r="AGO71" s="84"/>
      <c r="AGP71" s="84"/>
      <c r="AGQ71" s="84"/>
      <c r="AGR71" s="84"/>
      <c r="AGS71" s="84"/>
      <c r="AGT71" s="84"/>
      <c r="AGU71" s="84"/>
      <c r="AGV71" s="84"/>
      <c r="AGW71" s="84"/>
      <c r="AGX71" s="84"/>
      <c r="AGY71" s="84"/>
      <c r="AGZ71" s="84"/>
      <c r="AHA71" s="84"/>
      <c r="AHB71" s="84"/>
      <c r="AHC71" s="84"/>
      <c r="AHD71" s="84"/>
      <c r="AHE71" s="84"/>
      <c r="AHF71" s="84"/>
      <c r="AHG71" s="84"/>
      <c r="AHH71" s="84"/>
      <c r="AHI71" s="84"/>
      <c r="AHJ71" s="84"/>
      <c r="AHK71" s="84"/>
      <c r="AHL71" s="84"/>
      <c r="AHM71" s="84"/>
      <c r="AHN71" s="84"/>
      <c r="AHO71" s="84"/>
      <c r="AHP71" s="84"/>
      <c r="AHQ71" s="84"/>
      <c r="AHR71" s="84"/>
      <c r="AHS71" s="84"/>
      <c r="AHT71" s="84"/>
      <c r="AHU71" s="84"/>
      <c r="AHV71" s="84"/>
      <c r="AHW71" s="84"/>
      <c r="AHX71" s="84"/>
      <c r="AHY71" s="84"/>
      <c r="AHZ71" s="84"/>
      <c r="AIA71" s="84"/>
      <c r="AIB71" s="84"/>
      <c r="AIC71" s="84"/>
      <c r="AID71" s="84"/>
      <c r="AIE71" s="84"/>
      <c r="AIF71" s="84"/>
      <c r="AIG71" s="84"/>
      <c r="AIH71" s="84"/>
      <c r="AII71" s="84"/>
      <c r="AIJ71" s="84"/>
      <c r="AIK71" s="84"/>
      <c r="AIL71" s="84"/>
      <c r="AIM71" s="84"/>
      <c r="AIN71" s="84"/>
      <c r="AIO71" s="84"/>
      <c r="AIP71" s="84"/>
      <c r="AIQ71" s="84"/>
      <c r="AIR71" s="84"/>
      <c r="AIS71" s="84"/>
      <c r="AIT71" s="84"/>
      <c r="AIU71" s="84"/>
      <c r="AIV71" s="84"/>
      <c r="AIW71" s="84"/>
      <c r="AIX71" s="84"/>
      <c r="AIY71" s="84"/>
      <c r="AIZ71" s="84"/>
      <c r="AJA71" s="84"/>
      <c r="AJB71" s="84"/>
      <c r="AJC71" s="84"/>
      <c r="AJD71" s="84"/>
      <c r="AJE71" s="84"/>
      <c r="AJF71" s="84"/>
      <c r="AJG71" s="84"/>
      <c r="AJH71" s="84"/>
      <c r="AJI71" s="84"/>
      <c r="AJJ71" s="84"/>
      <c r="AJK71" s="84"/>
      <c r="AJL71" s="84"/>
      <c r="AJM71" s="84"/>
      <c r="AJN71" s="84"/>
      <c r="AJO71" s="84"/>
      <c r="AJP71" s="84"/>
      <c r="AJQ71" s="84"/>
      <c r="AJR71" s="84"/>
      <c r="AJS71" s="84"/>
      <c r="AJT71" s="84"/>
      <c r="AJU71" s="84"/>
      <c r="AJV71" s="84"/>
      <c r="AJW71" s="84"/>
      <c r="AJX71" s="84"/>
      <c r="AJY71" s="84"/>
      <c r="AJZ71" s="84"/>
      <c r="AKA71" s="84"/>
      <c r="AKB71" s="84"/>
      <c r="AKC71" s="84"/>
      <c r="AKD71" s="84"/>
      <c r="AKE71" s="84"/>
      <c r="AKF71" s="84"/>
      <c r="AKG71" s="84"/>
      <c r="AKH71" s="84"/>
      <c r="AKI71" s="84"/>
      <c r="AKJ71" s="84"/>
      <c r="AKK71" s="84"/>
      <c r="AKL71" s="84"/>
      <c r="AKM71" s="84"/>
      <c r="AKN71" s="84"/>
      <c r="AKO71" s="84"/>
      <c r="AKP71" s="84"/>
      <c r="AKQ71" s="84"/>
      <c r="AKR71" s="84"/>
      <c r="AKS71" s="84"/>
      <c r="AKT71" s="84"/>
      <c r="AKU71" s="84"/>
      <c r="AKV71" s="84"/>
      <c r="AKW71" s="84"/>
      <c r="AKX71" s="84"/>
      <c r="AKY71" s="84"/>
      <c r="AKZ71" s="84"/>
      <c r="ALA71" s="84"/>
      <c r="ALB71" s="84"/>
      <c r="ALC71" s="84"/>
      <c r="ALD71" s="84"/>
      <c r="ALE71" s="84"/>
      <c r="ALF71" s="84"/>
      <c r="ALG71" s="84"/>
      <c r="ALH71" s="84"/>
      <c r="ALI71" s="84"/>
      <c r="ALJ71" s="84"/>
      <c r="ALK71" s="84"/>
      <c r="ALL71" s="84"/>
      <c r="ALM71" s="84"/>
      <c r="ALN71" s="84"/>
      <c r="ALO71" s="84"/>
      <c r="ALP71" s="84"/>
      <c r="ALQ71" s="84"/>
      <c r="ALR71" s="84"/>
      <c r="ALS71" s="84"/>
      <c r="ALT71" s="84"/>
      <c r="ALU71" s="84"/>
      <c r="ALV71" s="84"/>
      <c r="ALW71" s="84"/>
      <c r="ALX71" s="84"/>
      <c r="ALY71" s="84"/>
      <c r="ALZ71" s="84"/>
      <c r="AMA71" s="84"/>
      <c r="AMB71" s="84"/>
      <c r="AMC71" s="84"/>
      <c r="AMD71" s="84"/>
      <c r="AME71" s="84"/>
      <c r="AMF71" s="84"/>
      <c r="AMG71" s="84"/>
      <c r="AMH71" s="84"/>
      <c r="AMI71" s="84"/>
      <c r="AMJ71" s="84"/>
      <c r="AMK71" s="84"/>
      <c r="AML71" s="84"/>
      <c r="AMM71" s="84"/>
      <c r="AMN71" s="84"/>
      <c r="AMO71" s="84"/>
      <c r="AMP71" s="84"/>
      <c r="AMQ71" s="84"/>
      <c r="AMR71" s="84"/>
      <c r="AMS71" s="84"/>
      <c r="AMT71" s="84"/>
      <c r="AMU71" s="84"/>
      <c r="AMV71" s="84"/>
      <c r="AMW71" s="84"/>
      <c r="AMX71" s="84"/>
      <c r="AMY71" s="84"/>
      <c r="AMZ71" s="84"/>
      <c r="ANA71" s="84"/>
      <c r="ANB71" s="84"/>
      <c r="ANC71" s="84"/>
      <c r="AND71" s="84"/>
      <c r="ANE71" s="84"/>
      <c r="ANF71" s="84"/>
      <c r="ANG71" s="84"/>
      <c r="ANH71" s="84"/>
      <c r="ANI71" s="84"/>
      <c r="ANJ71" s="84"/>
      <c r="ANK71" s="84"/>
      <c r="ANL71" s="84"/>
      <c r="ANM71" s="84"/>
      <c r="ANN71" s="84"/>
      <c r="ANO71" s="84"/>
      <c r="ANP71" s="84"/>
      <c r="ANQ71" s="84"/>
      <c r="ANR71" s="84"/>
      <c r="ANS71" s="84"/>
      <c r="ANT71" s="84"/>
      <c r="ANU71" s="84"/>
      <c r="ANV71" s="84"/>
      <c r="ANW71" s="84"/>
      <c r="ANX71" s="84"/>
      <c r="ANY71" s="84"/>
      <c r="ANZ71" s="84"/>
      <c r="AOA71" s="84"/>
      <c r="AOB71" s="84"/>
      <c r="AOC71" s="84"/>
      <c r="AOD71" s="84"/>
      <c r="AOE71" s="84"/>
      <c r="AOF71" s="84"/>
      <c r="AOG71" s="84"/>
      <c r="AOH71" s="84"/>
      <c r="AOI71" s="84"/>
      <c r="AOJ71" s="84"/>
      <c r="AOK71" s="84"/>
      <c r="AOL71" s="84"/>
      <c r="AOM71" s="84"/>
      <c r="AON71" s="84"/>
      <c r="AOO71" s="84"/>
      <c r="AOP71" s="84"/>
      <c r="AOQ71" s="84"/>
      <c r="AOR71" s="84"/>
      <c r="AOS71" s="84"/>
      <c r="AOT71" s="84"/>
      <c r="AOU71" s="84"/>
      <c r="AOV71" s="84"/>
      <c r="AOW71" s="84"/>
      <c r="AOX71" s="84"/>
      <c r="AOY71" s="84"/>
      <c r="AOZ71" s="84"/>
      <c r="APA71" s="84"/>
      <c r="APB71" s="84"/>
      <c r="APC71" s="84"/>
      <c r="APD71" s="84"/>
      <c r="APE71" s="84"/>
      <c r="APF71" s="84"/>
      <c r="APG71" s="84"/>
      <c r="APH71" s="84"/>
      <c r="API71" s="84"/>
      <c r="APJ71" s="84"/>
      <c r="APK71" s="84"/>
      <c r="APL71" s="84"/>
      <c r="APM71" s="84"/>
      <c r="APN71" s="84"/>
      <c r="APO71" s="84"/>
      <c r="APP71" s="84"/>
      <c r="APQ71" s="84"/>
      <c r="APR71" s="84"/>
      <c r="APS71" s="84"/>
      <c r="APT71" s="84"/>
      <c r="APU71" s="84"/>
      <c r="APV71" s="84"/>
      <c r="APW71" s="84"/>
      <c r="APX71" s="84"/>
      <c r="APY71" s="84"/>
      <c r="APZ71" s="84"/>
      <c r="AQA71" s="84"/>
      <c r="AQB71" s="84"/>
      <c r="AQC71" s="84"/>
      <c r="AQD71" s="84"/>
      <c r="AQE71" s="84"/>
      <c r="AQF71" s="84"/>
      <c r="AQG71" s="84"/>
      <c r="AQH71" s="84"/>
      <c r="AQI71" s="84"/>
      <c r="AQJ71" s="84"/>
      <c r="AQK71" s="84"/>
      <c r="AQL71" s="84"/>
      <c r="AQM71" s="84"/>
      <c r="AQN71" s="84"/>
      <c r="AQO71" s="84"/>
      <c r="AQP71" s="84"/>
      <c r="AQQ71" s="84"/>
      <c r="AQR71" s="84"/>
      <c r="AQS71" s="84"/>
      <c r="AQT71" s="84"/>
      <c r="AQU71" s="84"/>
      <c r="AQV71" s="84"/>
      <c r="AQW71" s="84"/>
      <c r="AQX71" s="84"/>
      <c r="AQY71" s="84"/>
      <c r="AQZ71" s="84"/>
      <c r="ARA71" s="84"/>
      <c r="ARB71" s="84"/>
      <c r="ARC71" s="84"/>
      <c r="ARD71" s="84"/>
      <c r="ARE71" s="84"/>
      <c r="ARF71" s="84"/>
      <c r="ARG71" s="84"/>
      <c r="ARH71" s="84"/>
      <c r="ARI71" s="84"/>
      <c r="ARJ71" s="84"/>
      <c r="ARK71" s="84"/>
      <c r="ARL71" s="84"/>
      <c r="ARM71" s="84"/>
      <c r="ARN71" s="84"/>
      <c r="ARO71" s="84"/>
      <c r="ARP71" s="84"/>
      <c r="ARQ71" s="84"/>
      <c r="ARR71" s="84"/>
      <c r="ARS71" s="84"/>
      <c r="ART71" s="84"/>
      <c r="ARU71" s="84"/>
      <c r="ARV71" s="84"/>
      <c r="ARW71" s="84"/>
      <c r="ARX71" s="84"/>
      <c r="ARY71" s="84"/>
      <c r="ARZ71" s="84"/>
      <c r="ASA71" s="84"/>
      <c r="ASB71" s="84"/>
      <c r="ASC71" s="84"/>
      <c r="ASD71" s="84"/>
      <c r="ASE71" s="84"/>
      <c r="ASF71" s="84"/>
      <c r="ASG71" s="84"/>
      <c r="ASH71" s="84"/>
      <c r="ASI71" s="84"/>
      <c r="ASJ71" s="84"/>
      <c r="ASK71" s="84"/>
      <c r="ASL71" s="84"/>
      <c r="ASM71" s="84"/>
      <c r="ASN71" s="84"/>
      <c r="ASO71" s="84"/>
      <c r="ASP71" s="84"/>
      <c r="ASQ71" s="84"/>
      <c r="ASR71" s="84"/>
      <c r="ASS71" s="84"/>
      <c r="AST71" s="84"/>
      <c r="ASU71" s="84"/>
      <c r="ASV71" s="84"/>
      <c r="ASW71" s="84"/>
      <c r="ASX71" s="84"/>
      <c r="ASY71" s="84"/>
      <c r="ASZ71" s="84"/>
      <c r="ATA71" s="84"/>
      <c r="ATB71" s="84"/>
      <c r="ATC71" s="84"/>
      <c r="ATD71" s="84"/>
      <c r="ATE71" s="84"/>
      <c r="ATF71" s="84"/>
      <c r="ATG71" s="84"/>
      <c r="ATH71" s="84"/>
      <c r="ATI71" s="84"/>
      <c r="ATJ71" s="84"/>
      <c r="ATK71" s="84"/>
      <c r="ATL71" s="84"/>
      <c r="ATM71" s="84"/>
      <c r="ATN71" s="84"/>
      <c r="ATO71" s="84"/>
      <c r="ATP71" s="84"/>
      <c r="ATQ71" s="84"/>
      <c r="ATR71" s="84"/>
      <c r="ATS71" s="84"/>
      <c r="ATT71" s="84"/>
      <c r="ATU71" s="84"/>
      <c r="ATV71" s="84"/>
      <c r="ATW71" s="84"/>
      <c r="ATX71" s="84"/>
      <c r="ATY71" s="84"/>
      <c r="ATZ71" s="84"/>
      <c r="AUA71" s="84"/>
      <c r="AUB71" s="84"/>
      <c r="AUC71" s="84"/>
      <c r="AUD71" s="84"/>
      <c r="AUE71" s="84"/>
      <c r="AUF71" s="84"/>
      <c r="AUG71" s="84"/>
      <c r="AUH71" s="84"/>
      <c r="AUI71" s="84"/>
      <c r="AUJ71" s="84"/>
      <c r="AUK71" s="84"/>
      <c r="AUL71" s="84"/>
      <c r="AUM71" s="84"/>
      <c r="AUN71" s="84"/>
      <c r="AUO71" s="84"/>
      <c r="AUP71" s="84"/>
      <c r="AUQ71" s="84"/>
      <c r="AUR71" s="84"/>
      <c r="AUS71" s="84"/>
      <c r="AUT71" s="84"/>
      <c r="AUU71" s="84"/>
      <c r="AUV71" s="84"/>
      <c r="AUW71" s="84"/>
      <c r="AUX71" s="84"/>
      <c r="AUY71" s="84"/>
      <c r="AUZ71" s="84"/>
      <c r="AVA71" s="84"/>
      <c r="AVB71" s="84"/>
      <c r="AVC71" s="84"/>
      <c r="AVD71" s="84"/>
      <c r="AVE71" s="84"/>
      <c r="AVF71" s="84"/>
      <c r="AVG71" s="84"/>
      <c r="AVH71" s="84"/>
      <c r="AVI71" s="84"/>
      <c r="AVJ71" s="84"/>
      <c r="AVK71" s="84"/>
      <c r="AVL71" s="84"/>
      <c r="AVM71" s="84"/>
      <c r="AVN71" s="84"/>
      <c r="AVO71" s="84"/>
      <c r="AVP71" s="84"/>
      <c r="AVQ71" s="84"/>
      <c r="AVR71" s="84"/>
      <c r="AVS71" s="84"/>
      <c r="AVT71" s="84"/>
      <c r="AVU71" s="84"/>
      <c r="AVV71" s="84"/>
      <c r="AVW71" s="84"/>
      <c r="AVX71" s="84"/>
      <c r="AVY71" s="84"/>
      <c r="AVZ71" s="84"/>
      <c r="AWA71" s="84"/>
      <c r="AWB71" s="84"/>
      <c r="AWC71" s="84"/>
      <c r="AWD71" s="84"/>
      <c r="AWE71" s="84"/>
      <c r="AWF71" s="84"/>
      <c r="AWG71" s="84"/>
      <c r="AWH71" s="84"/>
      <c r="AWI71" s="84"/>
      <c r="AWJ71" s="84"/>
      <c r="AWK71" s="84"/>
      <c r="AWL71" s="84"/>
      <c r="AWM71" s="84"/>
      <c r="AWN71" s="84"/>
      <c r="AWO71" s="84"/>
      <c r="AWP71" s="84"/>
      <c r="AWQ71" s="84"/>
      <c r="AWR71" s="84"/>
      <c r="AWS71" s="84"/>
      <c r="AWT71" s="84"/>
      <c r="AWU71" s="84"/>
      <c r="AWV71" s="84"/>
      <c r="AWW71" s="84"/>
      <c r="AWX71" s="84"/>
      <c r="AWY71" s="84"/>
      <c r="AWZ71" s="84"/>
      <c r="AXA71" s="84"/>
      <c r="AXB71" s="84"/>
      <c r="AXC71" s="84"/>
      <c r="AXD71" s="84"/>
      <c r="AXE71" s="84"/>
      <c r="AXF71" s="84"/>
      <c r="AXG71" s="84"/>
      <c r="AXH71" s="84"/>
      <c r="AXI71" s="84"/>
      <c r="AXJ71" s="84"/>
      <c r="AXK71" s="84"/>
      <c r="AXL71" s="84"/>
      <c r="AXM71" s="84"/>
      <c r="AXN71" s="84"/>
      <c r="AXO71" s="84"/>
      <c r="AXP71" s="84"/>
      <c r="AXQ71" s="84"/>
      <c r="AXR71" s="84"/>
      <c r="AXS71" s="84"/>
      <c r="AXT71" s="84"/>
      <c r="AXU71" s="84"/>
      <c r="AXV71" s="84"/>
      <c r="AXW71" s="84"/>
      <c r="AXX71" s="84"/>
      <c r="AXY71" s="84"/>
      <c r="AXZ71" s="84"/>
      <c r="AYA71" s="84"/>
      <c r="AYB71" s="84"/>
      <c r="AYC71" s="84"/>
      <c r="AYD71" s="84"/>
      <c r="AYE71" s="84"/>
      <c r="AYF71" s="84"/>
      <c r="AYG71" s="84"/>
      <c r="AYH71" s="84"/>
      <c r="AYI71" s="84"/>
      <c r="AYJ71" s="84"/>
      <c r="AYK71" s="84"/>
      <c r="AYL71" s="84"/>
      <c r="AYM71" s="84"/>
      <c r="AYN71" s="84"/>
      <c r="AYO71" s="84"/>
      <c r="AYP71" s="84"/>
      <c r="AYQ71" s="84"/>
      <c r="AYR71" s="84"/>
      <c r="AYS71" s="84"/>
      <c r="AYT71" s="84"/>
      <c r="AYU71" s="84"/>
      <c r="AYV71" s="84"/>
      <c r="AYW71" s="84"/>
      <c r="AYX71" s="84"/>
      <c r="AYY71" s="84"/>
      <c r="AYZ71" s="84"/>
      <c r="AZA71" s="84"/>
      <c r="AZB71" s="84"/>
      <c r="AZC71" s="84"/>
      <c r="AZD71" s="84"/>
      <c r="AZE71" s="84"/>
      <c r="AZF71" s="84"/>
      <c r="AZG71" s="84"/>
      <c r="AZH71" s="84"/>
      <c r="AZI71" s="84"/>
      <c r="AZJ71" s="84"/>
      <c r="AZK71" s="84"/>
      <c r="AZL71" s="84"/>
      <c r="AZM71" s="84"/>
      <c r="AZN71" s="84"/>
      <c r="AZO71" s="84"/>
      <c r="AZP71" s="84"/>
      <c r="AZQ71" s="84"/>
      <c r="AZR71" s="84"/>
      <c r="AZS71" s="84"/>
      <c r="AZT71" s="84"/>
      <c r="AZU71" s="84"/>
      <c r="AZV71" s="84"/>
      <c r="AZW71" s="84"/>
      <c r="AZX71" s="84"/>
      <c r="AZY71" s="84"/>
      <c r="AZZ71" s="84"/>
      <c r="BAA71" s="84"/>
      <c r="BAB71" s="84"/>
      <c r="BAC71" s="84"/>
      <c r="BAD71" s="84"/>
      <c r="BAE71" s="84"/>
      <c r="BAF71" s="84"/>
      <c r="BAG71" s="84"/>
      <c r="BAH71" s="84"/>
      <c r="BAI71" s="84"/>
      <c r="BAJ71" s="84"/>
      <c r="BAK71" s="84"/>
      <c r="BAL71" s="84"/>
      <c r="BAM71" s="84"/>
      <c r="BAN71" s="84"/>
      <c r="BAO71" s="84"/>
      <c r="BAP71" s="84"/>
      <c r="BAQ71" s="84"/>
      <c r="BAR71" s="84"/>
      <c r="BAS71" s="84"/>
      <c r="BAT71" s="84"/>
      <c r="BAU71" s="84"/>
      <c r="BAV71" s="84"/>
      <c r="BAW71" s="84"/>
      <c r="BAX71" s="84"/>
      <c r="BAY71" s="84"/>
      <c r="BAZ71" s="84"/>
      <c r="BBA71" s="84"/>
      <c r="BBB71" s="84"/>
      <c r="BBC71" s="84"/>
      <c r="BBD71" s="84"/>
      <c r="BBE71" s="84"/>
      <c r="BBF71" s="84"/>
      <c r="BBG71" s="84"/>
      <c r="BBH71" s="84"/>
      <c r="BBI71" s="84"/>
      <c r="BBJ71" s="84"/>
      <c r="BBK71" s="84"/>
      <c r="BBL71" s="84"/>
      <c r="BBM71" s="84"/>
      <c r="BBN71" s="84"/>
    </row>
    <row r="72" spans="1:1418" s="85" customFormat="1" ht="3" customHeight="1" x14ac:dyDescent="0.2">
      <c r="A72" s="86"/>
      <c r="B72" s="87"/>
      <c r="C72" s="87"/>
      <c r="D72" s="87"/>
      <c r="E72" s="87"/>
      <c r="F72" s="87"/>
      <c r="G72" s="87"/>
      <c r="H72" s="87"/>
      <c r="I72" s="87"/>
      <c r="J72" s="87"/>
      <c r="K72" s="84"/>
      <c r="L72" s="84"/>
      <c r="M72" s="84"/>
      <c r="N72" s="84"/>
      <c r="O72" s="84"/>
      <c r="P72" s="84"/>
      <c r="Q72" s="84"/>
      <c r="R72" s="84"/>
      <c r="S72" s="84"/>
      <c r="T72" s="84"/>
      <c r="U72" s="84"/>
      <c r="V72" s="84"/>
      <c r="W72" s="84"/>
      <c r="X72" s="84"/>
      <c r="Y72" s="84"/>
      <c r="Z72" s="84"/>
      <c r="AA72" s="84"/>
      <c r="AB72" s="84"/>
      <c r="AC72" s="84"/>
      <c r="AD72" s="84"/>
      <c r="AE72" s="84"/>
      <c r="AF72" s="84"/>
      <c r="AG72" s="84"/>
      <c r="AH72" s="84"/>
      <c r="AI72" s="84"/>
      <c r="AJ72" s="84"/>
      <c r="AK72" s="84"/>
      <c r="AL72" s="84"/>
      <c r="AM72" s="84"/>
      <c r="AN72" s="84"/>
      <c r="AO72" s="84"/>
      <c r="AP72" s="84"/>
      <c r="AQ72" s="84"/>
      <c r="AR72" s="84"/>
      <c r="AS72" s="84"/>
      <c r="AT72" s="84"/>
      <c r="AU72" s="84"/>
      <c r="AV72" s="84"/>
      <c r="AW72" s="84"/>
      <c r="AX72" s="84"/>
      <c r="AY72" s="84"/>
      <c r="AZ72" s="84"/>
      <c r="BA72" s="84"/>
      <c r="BB72" s="84"/>
      <c r="BC72" s="84"/>
      <c r="BD72" s="84"/>
      <c r="BE72" s="84"/>
      <c r="BF72" s="84"/>
      <c r="BG72" s="84"/>
      <c r="BH72" s="84"/>
      <c r="BI72" s="84"/>
      <c r="BJ72" s="84"/>
      <c r="BK72" s="84"/>
      <c r="BL72" s="84"/>
      <c r="BM72" s="84"/>
      <c r="BN72" s="84"/>
      <c r="BO72" s="84"/>
      <c r="BP72" s="84"/>
      <c r="BQ72" s="84"/>
      <c r="BR72" s="84"/>
      <c r="BS72" s="84"/>
      <c r="BT72" s="84"/>
      <c r="BU72" s="84"/>
      <c r="BV72" s="84"/>
      <c r="BW72" s="84"/>
      <c r="BX72" s="84"/>
      <c r="BY72" s="84"/>
      <c r="BZ72" s="84"/>
      <c r="CA72" s="84"/>
      <c r="CB72" s="84"/>
      <c r="CC72" s="84"/>
      <c r="CD72" s="84"/>
      <c r="CE72" s="84"/>
      <c r="CF72" s="84"/>
      <c r="CG72" s="84"/>
      <c r="CH72" s="84"/>
      <c r="CI72" s="84"/>
      <c r="CJ72" s="84"/>
      <c r="CK72" s="84"/>
      <c r="CL72" s="84"/>
      <c r="CM72" s="84"/>
      <c r="CN72" s="84"/>
      <c r="CO72" s="84"/>
      <c r="CP72" s="84"/>
      <c r="CQ72" s="84"/>
      <c r="CR72" s="84"/>
      <c r="CS72" s="84"/>
      <c r="CT72" s="84"/>
      <c r="CU72" s="84"/>
      <c r="CV72" s="84"/>
      <c r="CW72" s="84"/>
      <c r="CX72" s="84"/>
      <c r="CY72" s="84"/>
      <c r="CZ72" s="84"/>
      <c r="DA72" s="84"/>
      <c r="DB72" s="84"/>
      <c r="DC72" s="84"/>
      <c r="DD72" s="84"/>
      <c r="DE72" s="84"/>
      <c r="DF72" s="84"/>
      <c r="DG72" s="84"/>
      <c r="DH72" s="84"/>
      <c r="DI72" s="84"/>
      <c r="DJ72" s="84"/>
      <c r="DK72" s="84"/>
      <c r="DL72" s="84"/>
      <c r="DM72" s="84"/>
      <c r="DN72" s="84"/>
      <c r="DO72" s="84"/>
      <c r="DP72" s="84"/>
      <c r="DQ72" s="84"/>
      <c r="DR72" s="84"/>
      <c r="DS72" s="84"/>
      <c r="DT72" s="84"/>
      <c r="DU72" s="84"/>
      <c r="DV72" s="84"/>
      <c r="DW72" s="84"/>
      <c r="DX72" s="84"/>
      <c r="DY72" s="84"/>
      <c r="DZ72" s="84"/>
      <c r="EA72" s="84"/>
      <c r="EB72" s="84"/>
      <c r="EC72" s="84"/>
      <c r="ED72" s="84"/>
      <c r="EE72" s="84"/>
      <c r="EF72" s="84"/>
      <c r="EG72" s="84"/>
      <c r="EH72" s="84"/>
      <c r="EI72" s="84"/>
      <c r="EJ72" s="84"/>
      <c r="EK72" s="84"/>
      <c r="EL72" s="84"/>
      <c r="EM72" s="84"/>
      <c r="EN72" s="84"/>
      <c r="EO72" s="84"/>
      <c r="EP72" s="84"/>
      <c r="EQ72" s="84"/>
      <c r="ER72" s="84"/>
      <c r="ES72" s="84"/>
      <c r="ET72" s="84"/>
      <c r="EU72" s="84"/>
      <c r="EV72" s="84"/>
      <c r="EW72" s="84"/>
      <c r="EX72" s="84"/>
      <c r="EY72" s="84"/>
      <c r="EZ72" s="84"/>
      <c r="FA72" s="84"/>
      <c r="FB72" s="84"/>
      <c r="FC72" s="84"/>
      <c r="FD72" s="84"/>
      <c r="FE72" s="84"/>
      <c r="FF72" s="84"/>
      <c r="FG72" s="84"/>
      <c r="FH72" s="84"/>
      <c r="FI72" s="84"/>
      <c r="FJ72" s="84"/>
      <c r="FK72" s="84"/>
      <c r="FL72" s="84"/>
      <c r="FM72" s="84"/>
      <c r="FN72" s="84"/>
      <c r="FO72" s="84"/>
      <c r="FP72" s="84"/>
      <c r="FQ72" s="84"/>
      <c r="FR72" s="84"/>
      <c r="FS72" s="84"/>
      <c r="FT72" s="84"/>
      <c r="FU72" s="84"/>
      <c r="FV72" s="84"/>
      <c r="FW72" s="84"/>
      <c r="FX72" s="84"/>
      <c r="FY72" s="84"/>
      <c r="FZ72" s="84"/>
      <c r="GA72" s="84"/>
      <c r="GB72" s="84"/>
      <c r="GC72" s="84"/>
      <c r="GD72" s="84"/>
      <c r="GE72" s="84"/>
      <c r="GF72" s="84"/>
      <c r="GG72" s="84"/>
      <c r="GH72" s="84"/>
      <c r="GI72" s="84"/>
      <c r="GJ72" s="84"/>
      <c r="GK72" s="84"/>
      <c r="GL72" s="84"/>
      <c r="GM72" s="84"/>
      <c r="GN72" s="84"/>
      <c r="GO72" s="84"/>
      <c r="GP72" s="84"/>
      <c r="GQ72" s="84"/>
      <c r="GR72" s="84"/>
      <c r="GS72" s="84"/>
      <c r="GT72" s="84"/>
      <c r="GU72" s="84"/>
      <c r="GV72" s="84"/>
      <c r="GW72" s="84"/>
      <c r="GX72" s="84"/>
      <c r="GY72" s="84"/>
      <c r="GZ72" s="84"/>
      <c r="HA72" s="84"/>
      <c r="HB72" s="84"/>
      <c r="HC72" s="84"/>
      <c r="HD72" s="84"/>
      <c r="HE72" s="84"/>
      <c r="HF72" s="84"/>
      <c r="HG72" s="84"/>
      <c r="HH72" s="84"/>
      <c r="HI72" s="84"/>
      <c r="HJ72" s="84"/>
      <c r="HK72" s="84"/>
      <c r="HL72" s="84"/>
      <c r="HM72" s="84"/>
      <c r="HN72" s="84"/>
      <c r="HO72" s="84"/>
      <c r="HP72" s="84"/>
      <c r="HQ72" s="84"/>
      <c r="HR72" s="84"/>
      <c r="HS72" s="84"/>
      <c r="HT72" s="84"/>
      <c r="HU72" s="84"/>
      <c r="HV72" s="84"/>
      <c r="HW72" s="84"/>
      <c r="HX72" s="84"/>
      <c r="HY72" s="84"/>
      <c r="HZ72" s="84"/>
      <c r="IA72" s="84"/>
      <c r="IB72" s="84"/>
      <c r="IC72" s="84"/>
      <c r="ID72" s="84"/>
      <c r="IE72" s="84"/>
      <c r="IF72" s="84"/>
      <c r="IG72" s="84"/>
      <c r="IH72" s="84"/>
      <c r="II72" s="84"/>
      <c r="IJ72" s="84"/>
      <c r="IK72" s="84"/>
      <c r="IL72" s="84"/>
      <c r="IM72" s="84"/>
      <c r="IN72" s="84"/>
      <c r="IO72" s="84"/>
      <c r="IP72" s="84"/>
      <c r="IQ72" s="84"/>
      <c r="IR72" s="84"/>
      <c r="IS72" s="84"/>
      <c r="IT72" s="84"/>
      <c r="IU72" s="84"/>
      <c r="IV72" s="84"/>
      <c r="IW72" s="84"/>
      <c r="IX72" s="84"/>
      <c r="IY72" s="84"/>
      <c r="IZ72" s="84"/>
      <c r="JA72" s="84"/>
      <c r="JB72" s="84"/>
      <c r="JC72" s="84"/>
      <c r="JD72" s="84"/>
      <c r="JE72" s="84"/>
      <c r="JF72" s="84"/>
      <c r="JG72" s="84"/>
      <c r="JH72" s="84"/>
      <c r="JI72" s="84"/>
      <c r="JJ72" s="84"/>
      <c r="JK72" s="84"/>
      <c r="JL72" s="84"/>
      <c r="JM72" s="84"/>
      <c r="JN72" s="84"/>
      <c r="JO72" s="84"/>
      <c r="JP72" s="84"/>
      <c r="JQ72" s="84"/>
      <c r="JR72" s="84"/>
      <c r="JS72" s="84"/>
      <c r="JT72" s="84"/>
      <c r="JU72" s="84"/>
      <c r="JV72" s="84"/>
      <c r="JW72" s="84"/>
      <c r="JX72" s="84"/>
      <c r="JY72" s="84"/>
      <c r="JZ72" s="84"/>
      <c r="KA72" s="84"/>
      <c r="KB72" s="84"/>
      <c r="KC72" s="84"/>
      <c r="KD72" s="84"/>
      <c r="KE72" s="84"/>
      <c r="KF72" s="84"/>
      <c r="KG72" s="84"/>
      <c r="KH72" s="84"/>
      <c r="KI72" s="84"/>
      <c r="KJ72" s="84"/>
      <c r="KK72" s="84"/>
      <c r="KL72" s="84"/>
      <c r="KM72" s="84"/>
      <c r="KN72" s="84"/>
      <c r="KO72" s="84"/>
      <c r="KP72" s="84"/>
      <c r="KQ72" s="84"/>
      <c r="KR72" s="84"/>
      <c r="KS72" s="84"/>
      <c r="KT72" s="84"/>
      <c r="KU72" s="84"/>
      <c r="KV72" s="84"/>
      <c r="KW72" s="84"/>
      <c r="KX72" s="84"/>
      <c r="KY72" s="84"/>
      <c r="KZ72" s="84"/>
      <c r="LA72" s="84"/>
      <c r="LB72" s="84"/>
      <c r="LC72" s="84"/>
      <c r="LD72" s="84"/>
      <c r="LE72" s="84"/>
      <c r="LF72" s="84"/>
      <c r="LG72" s="84"/>
      <c r="LH72" s="84"/>
      <c r="LI72" s="84"/>
      <c r="LJ72" s="84"/>
      <c r="LK72" s="84"/>
      <c r="LL72" s="84"/>
      <c r="LM72" s="84"/>
      <c r="LN72" s="84"/>
      <c r="LO72" s="84"/>
      <c r="LP72" s="84"/>
      <c r="LQ72" s="84"/>
      <c r="LR72" s="84"/>
      <c r="LS72" s="84"/>
      <c r="LT72" s="84"/>
      <c r="LU72" s="84"/>
      <c r="LV72" s="84"/>
      <c r="LW72" s="84"/>
      <c r="LX72" s="84"/>
      <c r="LY72" s="84"/>
      <c r="LZ72" s="84"/>
      <c r="MA72" s="84"/>
      <c r="MB72" s="84"/>
      <c r="MC72" s="84"/>
      <c r="MD72" s="84"/>
      <c r="ME72" s="84"/>
      <c r="MF72" s="84"/>
      <c r="MG72" s="84"/>
      <c r="MH72" s="84"/>
      <c r="MI72" s="84"/>
      <c r="MJ72" s="84"/>
      <c r="MK72" s="84"/>
      <c r="ML72" s="84"/>
      <c r="MM72" s="84"/>
      <c r="MN72" s="84"/>
      <c r="MO72" s="84"/>
      <c r="MP72" s="84"/>
      <c r="MQ72" s="84"/>
      <c r="MR72" s="84"/>
      <c r="MS72" s="84"/>
      <c r="MT72" s="84"/>
      <c r="MU72" s="84"/>
      <c r="MV72" s="84"/>
      <c r="MW72" s="84"/>
      <c r="MX72" s="84"/>
      <c r="MY72" s="84"/>
      <c r="MZ72" s="84"/>
      <c r="NA72" s="84"/>
      <c r="NB72" s="84"/>
      <c r="NC72" s="84"/>
      <c r="ND72" s="84"/>
      <c r="NE72" s="84"/>
      <c r="NF72" s="84"/>
      <c r="NG72" s="84"/>
      <c r="NH72" s="84"/>
      <c r="NI72" s="84"/>
      <c r="NJ72" s="84"/>
      <c r="NK72" s="84"/>
      <c r="NL72" s="84"/>
      <c r="NM72" s="84"/>
      <c r="NN72" s="84"/>
      <c r="NO72" s="84"/>
      <c r="NP72" s="84"/>
      <c r="NQ72" s="84"/>
      <c r="NR72" s="84"/>
      <c r="NS72" s="84"/>
      <c r="NT72" s="84"/>
      <c r="NU72" s="84"/>
      <c r="NV72" s="84"/>
      <c r="NW72" s="84"/>
      <c r="NX72" s="84"/>
      <c r="NY72" s="84"/>
      <c r="NZ72" s="84"/>
      <c r="OA72" s="84"/>
      <c r="OB72" s="84"/>
      <c r="OC72" s="84"/>
      <c r="OD72" s="84"/>
      <c r="OE72" s="84"/>
      <c r="OF72" s="84"/>
      <c r="OG72" s="84"/>
      <c r="OH72" s="84"/>
      <c r="OI72" s="84"/>
      <c r="OJ72" s="84"/>
      <c r="OK72" s="84"/>
      <c r="OL72" s="84"/>
      <c r="OM72" s="84"/>
      <c r="ON72" s="84"/>
      <c r="OO72" s="84"/>
      <c r="OP72" s="84"/>
      <c r="OQ72" s="84"/>
      <c r="OR72" s="84"/>
      <c r="OS72" s="84"/>
      <c r="OT72" s="84"/>
      <c r="OU72" s="84"/>
      <c r="OV72" s="84"/>
      <c r="OW72" s="84"/>
      <c r="OX72" s="84"/>
      <c r="OY72" s="84"/>
      <c r="OZ72" s="84"/>
      <c r="PA72" s="84"/>
      <c r="PB72" s="84"/>
      <c r="PC72" s="84"/>
      <c r="PD72" s="84"/>
      <c r="PE72" s="84"/>
      <c r="PF72" s="84"/>
      <c r="PG72" s="84"/>
      <c r="PH72" s="84"/>
      <c r="PI72" s="84"/>
      <c r="PJ72" s="84"/>
      <c r="PK72" s="84"/>
      <c r="PL72" s="84"/>
      <c r="PM72" s="84"/>
      <c r="PN72" s="84"/>
      <c r="PO72" s="84"/>
      <c r="PP72" s="84"/>
      <c r="PQ72" s="84"/>
      <c r="PR72" s="84"/>
      <c r="PS72" s="84"/>
      <c r="PT72" s="84"/>
      <c r="PU72" s="84"/>
      <c r="PV72" s="84"/>
      <c r="PW72" s="84"/>
      <c r="PX72" s="84"/>
      <c r="PY72" s="84"/>
      <c r="PZ72" s="84"/>
      <c r="QA72" s="84"/>
      <c r="QB72" s="84"/>
      <c r="QC72" s="84"/>
      <c r="QD72" s="84"/>
      <c r="QE72" s="84"/>
      <c r="QF72" s="84"/>
      <c r="QG72" s="84"/>
      <c r="QH72" s="84"/>
      <c r="QI72" s="84"/>
      <c r="QJ72" s="84"/>
      <c r="QK72" s="84"/>
      <c r="QL72" s="84"/>
      <c r="QM72" s="84"/>
      <c r="QN72" s="84"/>
      <c r="QO72" s="84"/>
      <c r="QP72" s="84"/>
      <c r="QQ72" s="84"/>
      <c r="QR72" s="84"/>
      <c r="QS72" s="84"/>
      <c r="QT72" s="84"/>
      <c r="QU72" s="84"/>
      <c r="QV72" s="84"/>
      <c r="QW72" s="84"/>
      <c r="QX72" s="84"/>
      <c r="QY72" s="84"/>
      <c r="QZ72" s="84"/>
      <c r="RA72" s="84"/>
      <c r="RB72" s="84"/>
      <c r="RC72" s="84"/>
      <c r="RD72" s="84"/>
      <c r="RE72" s="84"/>
      <c r="RF72" s="84"/>
      <c r="RG72" s="84"/>
      <c r="RH72" s="84"/>
      <c r="RI72" s="84"/>
      <c r="RJ72" s="84"/>
      <c r="RK72" s="84"/>
      <c r="RL72" s="84"/>
      <c r="RM72" s="84"/>
      <c r="RN72" s="84"/>
      <c r="RO72" s="84"/>
      <c r="RP72" s="84"/>
      <c r="RQ72" s="84"/>
      <c r="RR72" s="84"/>
      <c r="RS72" s="84"/>
      <c r="RT72" s="84"/>
      <c r="RU72" s="84"/>
      <c r="RV72" s="84"/>
      <c r="RW72" s="84"/>
      <c r="RX72" s="84"/>
      <c r="RY72" s="84"/>
      <c r="RZ72" s="84"/>
      <c r="SA72" s="84"/>
      <c r="SB72" s="84"/>
      <c r="SC72" s="84"/>
      <c r="SD72" s="84"/>
      <c r="SE72" s="84"/>
      <c r="SF72" s="84"/>
      <c r="SG72" s="84"/>
      <c r="SH72" s="84"/>
      <c r="SI72" s="84"/>
      <c r="SJ72" s="84"/>
      <c r="SK72" s="84"/>
      <c r="SL72" s="84"/>
      <c r="SM72" s="84"/>
      <c r="SN72" s="84"/>
      <c r="SO72" s="84"/>
      <c r="SP72" s="84"/>
      <c r="SQ72" s="84"/>
      <c r="SR72" s="84"/>
      <c r="SS72" s="84"/>
      <c r="ST72" s="84"/>
      <c r="SU72" s="84"/>
      <c r="SV72" s="84"/>
      <c r="SW72" s="84"/>
      <c r="SX72" s="84"/>
      <c r="SY72" s="84"/>
      <c r="SZ72" s="84"/>
      <c r="TA72" s="84"/>
      <c r="TB72" s="84"/>
      <c r="TC72" s="84"/>
      <c r="TD72" s="84"/>
      <c r="TE72" s="84"/>
      <c r="TF72" s="84"/>
      <c r="TG72" s="84"/>
      <c r="TH72" s="84"/>
      <c r="TI72" s="84"/>
      <c r="TJ72" s="84"/>
      <c r="TK72" s="84"/>
      <c r="TL72" s="84"/>
      <c r="TM72" s="84"/>
      <c r="TN72" s="84"/>
      <c r="TO72" s="84"/>
      <c r="TP72" s="84"/>
      <c r="TQ72" s="84"/>
      <c r="TR72" s="84"/>
      <c r="TS72" s="84"/>
      <c r="TT72" s="84"/>
      <c r="TU72" s="84"/>
      <c r="TV72" s="84"/>
      <c r="TW72" s="84"/>
      <c r="TX72" s="84"/>
      <c r="TY72" s="84"/>
      <c r="TZ72" s="84"/>
      <c r="UA72" s="84"/>
      <c r="UB72" s="84"/>
      <c r="UC72" s="84"/>
      <c r="UD72" s="84"/>
      <c r="UE72" s="84"/>
      <c r="UF72" s="84"/>
      <c r="UG72" s="84"/>
      <c r="UH72" s="84"/>
      <c r="UI72" s="84"/>
      <c r="UJ72" s="84"/>
      <c r="UK72" s="84"/>
      <c r="UL72" s="84"/>
      <c r="UM72" s="84"/>
      <c r="UN72" s="84"/>
      <c r="UO72" s="84"/>
      <c r="UP72" s="84"/>
      <c r="UQ72" s="84"/>
      <c r="UR72" s="84"/>
      <c r="US72" s="84"/>
      <c r="UT72" s="84"/>
      <c r="UU72" s="84"/>
      <c r="UV72" s="84"/>
      <c r="UW72" s="84"/>
      <c r="UX72" s="84"/>
      <c r="UY72" s="84"/>
      <c r="UZ72" s="84"/>
      <c r="VA72" s="84"/>
      <c r="VB72" s="84"/>
      <c r="VC72" s="84"/>
      <c r="VD72" s="84"/>
      <c r="VE72" s="84"/>
      <c r="VF72" s="84"/>
      <c r="VG72" s="84"/>
      <c r="VH72" s="84"/>
      <c r="VI72" s="84"/>
      <c r="VJ72" s="84"/>
      <c r="VK72" s="84"/>
      <c r="VL72" s="84"/>
      <c r="VM72" s="84"/>
      <c r="VN72" s="84"/>
      <c r="VO72" s="84"/>
      <c r="VP72" s="84"/>
      <c r="VQ72" s="84"/>
      <c r="VR72" s="84"/>
      <c r="VS72" s="84"/>
      <c r="VT72" s="84"/>
      <c r="VU72" s="84"/>
      <c r="VV72" s="84"/>
      <c r="VW72" s="84"/>
      <c r="VX72" s="84"/>
      <c r="VY72" s="84"/>
      <c r="VZ72" s="84"/>
      <c r="WA72" s="84"/>
      <c r="WB72" s="84"/>
      <c r="WC72" s="84"/>
      <c r="WD72" s="84"/>
      <c r="WE72" s="84"/>
      <c r="WF72" s="84"/>
      <c r="WG72" s="84"/>
      <c r="WH72" s="84"/>
      <c r="WI72" s="84"/>
      <c r="WJ72" s="84"/>
      <c r="WK72" s="84"/>
      <c r="WL72" s="84"/>
      <c r="WM72" s="84"/>
      <c r="WN72" s="84"/>
      <c r="WO72" s="84"/>
      <c r="WP72" s="84"/>
      <c r="WQ72" s="84"/>
      <c r="WR72" s="84"/>
      <c r="WS72" s="84"/>
      <c r="WT72" s="84"/>
      <c r="WU72" s="84"/>
      <c r="WV72" s="84"/>
      <c r="WW72" s="84"/>
      <c r="WX72" s="84"/>
      <c r="WY72" s="84"/>
      <c r="WZ72" s="84"/>
      <c r="XA72" s="84"/>
      <c r="XB72" s="84"/>
      <c r="XC72" s="84"/>
      <c r="XD72" s="84"/>
      <c r="XE72" s="84"/>
      <c r="XF72" s="84"/>
      <c r="XG72" s="84"/>
      <c r="XH72" s="84"/>
      <c r="XI72" s="84"/>
      <c r="XJ72" s="84"/>
      <c r="XK72" s="84"/>
      <c r="XL72" s="84"/>
      <c r="XM72" s="84"/>
      <c r="XN72" s="84"/>
      <c r="XO72" s="84"/>
      <c r="XP72" s="84"/>
      <c r="XQ72" s="84"/>
      <c r="XR72" s="84"/>
      <c r="XS72" s="84"/>
      <c r="XT72" s="84"/>
      <c r="XU72" s="84"/>
      <c r="XV72" s="84"/>
      <c r="XW72" s="84"/>
      <c r="XX72" s="84"/>
      <c r="XY72" s="84"/>
      <c r="XZ72" s="84"/>
      <c r="YA72" s="84"/>
      <c r="YB72" s="84"/>
      <c r="YC72" s="84"/>
      <c r="YD72" s="84"/>
      <c r="YE72" s="84"/>
      <c r="YF72" s="84"/>
      <c r="YG72" s="84"/>
      <c r="YH72" s="84"/>
      <c r="YI72" s="84"/>
      <c r="YJ72" s="84"/>
      <c r="YK72" s="84"/>
      <c r="YL72" s="84"/>
      <c r="YM72" s="84"/>
      <c r="YN72" s="84"/>
      <c r="YO72" s="84"/>
      <c r="YP72" s="84"/>
      <c r="YQ72" s="84"/>
      <c r="YR72" s="84"/>
      <c r="YS72" s="84"/>
      <c r="YT72" s="84"/>
      <c r="YU72" s="84"/>
      <c r="YV72" s="84"/>
      <c r="YW72" s="84"/>
      <c r="YX72" s="84"/>
      <c r="YY72" s="84"/>
      <c r="YZ72" s="84"/>
      <c r="ZA72" s="84"/>
      <c r="ZB72" s="84"/>
      <c r="ZC72" s="84"/>
      <c r="ZD72" s="84"/>
      <c r="ZE72" s="84"/>
      <c r="ZF72" s="84"/>
      <c r="ZG72" s="84"/>
      <c r="ZH72" s="84"/>
      <c r="ZI72" s="84"/>
      <c r="ZJ72" s="84"/>
      <c r="ZK72" s="84"/>
      <c r="ZL72" s="84"/>
      <c r="ZM72" s="84"/>
      <c r="ZN72" s="84"/>
      <c r="ZO72" s="84"/>
      <c r="ZP72" s="84"/>
      <c r="ZQ72" s="84"/>
      <c r="ZR72" s="84"/>
      <c r="ZS72" s="84"/>
      <c r="ZT72" s="84"/>
      <c r="ZU72" s="84"/>
      <c r="ZV72" s="84"/>
      <c r="ZW72" s="84"/>
      <c r="ZX72" s="84"/>
      <c r="ZY72" s="84"/>
      <c r="ZZ72" s="84"/>
      <c r="AAA72" s="84"/>
      <c r="AAB72" s="84"/>
      <c r="AAC72" s="84"/>
      <c r="AAD72" s="84"/>
      <c r="AAE72" s="84"/>
      <c r="AAF72" s="84"/>
      <c r="AAG72" s="84"/>
      <c r="AAH72" s="84"/>
      <c r="AAI72" s="84"/>
      <c r="AAJ72" s="84"/>
      <c r="AAK72" s="84"/>
      <c r="AAL72" s="84"/>
      <c r="AAM72" s="84"/>
      <c r="AAN72" s="84"/>
      <c r="AAO72" s="84"/>
      <c r="AAP72" s="84"/>
      <c r="AAQ72" s="84"/>
      <c r="AAR72" s="84"/>
      <c r="AAS72" s="84"/>
      <c r="AAT72" s="84"/>
      <c r="AAU72" s="84"/>
      <c r="AAV72" s="84"/>
      <c r="AAW72" s="84"/>
      <c r="AAX72" s="84"/>
      <c r="AAY72" s="84"/>
      <c r="AAZ72" s="84"/>
      <c r="ABA72" s="84"/>
      <c r="ABB72" s="84"/>
      <c r="ABC72" s="84"/>
      <c r="ABD72" s="84"/>
      <c r="ABE72" s="84"/>
      <c r="ABF72" s="84"/>
      <c r="ABG72" s="84"/>
      <c r="ABH72" s="84"/>
      <c r="ABI72" s="84"/>
      <c r="ABJ72" s="84"/>
      <c r="ABK72" s="84"/>
      <c r="ABL72" s="84"/>
      <c r="ABM72" s="84"/>
      <c r="ABN72" s="84"/>
      <c r="ABO72" s="84"/>
      <c r="ABP72" s="84"/>
      <c r="ABQ72" s="84"/>
      <c r="ABR72" s="84"/>
      <c r="ABS72" s="84"/>
      <c r="ABT72" s="84"/>
      <c r="ABU72" s="84"/>
      <c r="ABV72" s="84"/>
      <c r="ABW72" s="84"/>
      <c r="ABX72" s="84"/>
      <c r="ABY72" s="84"/>
      <c r="ABZ72" s="84"/>
      <c r="ACA72" s="84"/>
      <c r="ACB72" s="84"/>
      <c r="ACC72" s="84"/>
      <c r="ACD72" s="84"/>
      <c r="ACE72" s="84"/>
      <c r="ACF72" s="84"/>
      <c r="ACG72" s="84"/>
      <c r="ACH72" s="84"/>
      <c r="ACI72" s="84"/>
      <c r="ACJ72" s="84"/>
      <c r="ACK72" s="84"/>
      <c r="ACL72" s="84"/>
      <c r="ACM72" s="84"/>
      <c r="ACN72" s="84"/>
      <c r="ACO72" s="84"/>
      <c r="ACP72" s="84"/>
      <c r="ACQ72" s="84"/>
      <c r="ACR72" s="84"/>
      <c r="ACS72" s="84"/>
      <c r="ACT72" s="84"/>
      <c r="ACU72" s="84"/>
      <c r="ACV72" s="84"/>
      <c r="ACW72" s="84"/>
      <c r="ACX72" s="84"/>
      <c r="ACY72" s="84"/>
      <c r="ACZ72" s="84"/>
      <c r="ADA72" s="84"/>
      <c r="ADB72" s="84"/>
      <c r="ADC72" s="84"/>
      <c r="ADD72" s="84"/>
      <c r="ADE72" s="84"/>
      <c r="ADF72" s="84"/>
      <c r="ADG72" s="84"/>
      <c r="ADH72" s="84"/>
      <c r="ADI72" s="84"/>
      <c r="ADJ72" s="84"/>
      <c r="ADK72" s="84"/>
      <c r="ADL72" s="84"/>
      <c r="ADM72" s="84"/>
      <c r="ADN72" s="84"/>
      <c r="ADO72" s="84"/>
      <c r="ADP72" s="84"/>
      <c r="ADQ72" s="84"/>
      <c r="ADR72" s="84"/>
      <c r="ADS72" s="84"/>
      <c r="ADT72" s="84"/>
      <c r="ADU72" s="84"/>
      <c r="ADV72" s="84"/>
      <c r="ADW72" s="84"/>
      <c r="ADX72" s="84"/>
      <c r="ADY72" s="84"/>
      <c r="ADZ72" s="84"/>
      <c r="AEA72" s="84"/>
      <c r="AEB72" s="84"/>
      <c r="AEC72" s="84"/>
      <c r="AED72" s="84"/>
      <c r="AEE72" s="84"/>
      <c r="AEF72" s="84"/>
      <c r="AEG72" s="84"/>
      <c r="AEH72" s="84"/>
      <c r="AEI72" s="84"/>
      <c r="AEJ72" s="84"/>
      <c r="AEK72" s="84"/>
      <c r="AEL72" s="84"/>
      <c r="AEM72" s="84"/>
      <c r="AEN72" s="84"/>
      <c r="AEO72" s="84"/>
      <c r="AEP72" s="84"/>
      <c r="AEQ72" s="84"/>
      <c r="AER72" s="84"/>
      <c r="AES72" s="84"/>
      <c r="AET72" s="84"/>
      <c r="AEU72" s="84"/>
      <c r="AEV72" s="84"/>
      <c r="AEW72" s="84"/>
      <c r="AEX72" s="84"/>
      <c r="AEY72" s="84"/>
      <c r="AEZ72" s="84"/>
      <c r="AFA72" s="84"/>
      <c r="AFB72" s="84"/>
      <c r="AFC72" s="84"/>
      <c r="AFD72" s="84"/>
      <c r="AFE72" s="84"/>
      <c r="AFF72" s="84"/>
      <c r="AFG72" s="84"/>
      <c r="AFH72" s="84"/>
      <c r="AFI72" s="84"/>
      <c r="AFJ72" s="84"/>
      <c r="AFK72" s="84"/>
      <c r="AFL72" s="84"/>
      <c r="AFM72" s="84"/>
      <c r="AFN72" s="84"/>
      <c r="AFO72" s="84"/>
      <c r="AFP72" s="84"/>
      <c r="AFQ72" s="84"/>
      <c r="AFR72" s="84"/>
      <c r="AFS72" s="84"/>
      <c r="AFT72" s="84"/>
      <c r="AFU72" s="84"/>
      <c r="AFV72" s="84"/>
      <c r="AFW72" s="84"/>
      <c r="AFX72" s="84"/>
      <c r="AFY72" s="84"/>
      <c r="AFZ72" s="84"/>
      <c r="AGA72" s="84"/>
      <c r="AGB72" s="84"/>
      <c r="AGC72" s="84"/>
      <c r="AGD72" s="84"/>
      <c r="AGE72" s="84"/>
      <c r="AGF72" s="84"/>
      <c r="AGG72" s="84"/>
      <c r="AGH72" s="84"/>
      <c r="AGI72" s="84"/>
      <c r="AGJ72" s="84"/>
      <c r="AGK72" s="84"/>
      <c r="AGL72" s="84"/>
      <c r="AGM72" s="84"/>
      <c r="AGN72" s="84"/>
      <c r="AGO72" s="84"/>
      <c r="AGP72" s="84"/>
      <c r="AGQ72" s="84"/>
      <c r="AGR72" s="84"/>
      <c r="AGS72" s="84"/>
      <c r="AGT72" s="84"/>
      <c r="AGU72" s="84"/>
      <c r="AGV72" s="84"/>
      <c r="AGW72" s="84"/>
      <c r="AGX72" s="84"/>
      <c r="AGY72" s="84"/>
      <c r="AGZ72" s="84"/>
      <c r="AHA72" s="84"/>
      <c r="AHB72" s="84"/>
      <c r="AHC72" s="84"/>
      <c r="AHD72" s="84"/>
      <c r="AHE72" s="84"/>
      <c r="AHF72" s="84"/>
      <c r="AHG72" s="84"/>
      <c r="AHH72" s="84"/>
      <c r="AHI72" s="84"/>
      <c r="AHJ72" s="84"/>
      <c r="AHK72" s="84"/>
      <c r="AHL72" s="84"/>
      <c r="AHM72" s="84"/>
      <c r="AHN72" s="84"/>
      <c r="AHO72" s="84"/>
      <c r="AHP72" s="84"/>
      <c r="AHQ72" s="84"/>
      <c r="AHR72" s="84"/>
      <c r="AHS72" s="84"/>
      <c r="AHT72" s="84"/>
      <c r="AHU72" s="84"/>
      <c r="AHV72" s="84"/>
      <c r="AHW72" s="84"/>
      <c r="AHX72" s="84"/>
      <c r="AHY72" s="84"/>
      <c r="AHZ72" s="84"/>
      <c r="AIA72" s="84"/>
      <c r="AIB72" s="84"/>
      <c r="AIC72" s="84"/>
      <c r="AID72" s="84"/>
      <c r="AIE72" s="84"/>
      <c r="AIF72" s="84"/>
      <c r="AIG72" s="84"/>
      <c r="AIH72" s="84"/>
      <c r="AII72" s="84"/>
      <c r="AIJ72" s="84"/>
      <c r="AIK72" s="84"/>
      <c r="AIL72" s="84"/>
      <c r="AIM72" s="84"/>
      <c r="AIN72" s="84"/>
      <c r="AIO72" s="84"/>
      <c r="AIP72" s="84"/>
      <c r="AIQ72" s="84"/>
      <c r="AIR72" s="84"/>
      <c r="AIS72" s="84"/>
      <c r="AIT72" s="84"/>
      <c r="AIU72" s="84"/>
      <c r="AIV72" s="84"/>
      <c r="AIW72" s="84"/>
      <c r="AIX72" s="84"/>
      <c r="AIY72" s="84"/>
      <c r="AIZ72" s="84"/>
      <c r="AJA72" s="84"/>
      <c r="AJB72" s="84"/>
      <c r="AJC72" s="84"/>
      <c r="AJD72" s="84"/>
      <c r="AJE72" s="84"/>
      <c r="AJF72" s="84"/>
      <c r="AJG72" s="84"/>
      <c r="AJH72" s="84"/>
      <c r="AJI72" s="84"/>
      <c r="AJJ72" s="84"/>
      <c r="AJK72" s="84"/>
      <c r="AJL72" s="84"/>
      <c r="AJM72" s="84"/>
      <c r="AJN72" s="84"/>
      <c r="AJO72" s="84"/>
      <c r="AJP72" s="84"/>
      <c r="AJQ72" s="84"/>
      <c r="AJR72" s="84"/>
      <c r="AJS72" s="84"/>
      <c r="AJT72" s="84"/>
      <c r="AJU72" s="84"/>
      <c r="AJV72" s="84"/>
      <c r="AJW72" s="84"/>
      <c r="AJX72" s="84"/>
      <c r="AJY72" s="84"/>
      <c r="AJZ72" s="84"/>
      <c r="AKA72" s="84"/>
      <c r="AKB72" s="84"/>
      <c r="AKC72" s="84"/>
      <c r="AKD72" s="84"/>
      <c r="AKE72" s="84"/>
      <c r="AKF72" s="84"/>
      <c r="AKG72" s="84"/>
      <c r="AKH72" s="84"/>
      <c r="AKI72" s="84"/>
      <c r="AKJ72" s="84"/>
      <c r="AKK72" s="84"/>
      <c r="AKL72" s="84"/>
      <c r="AKM72" s="84"/>
      <c r="AKN72" s="84"/>
      <c r="AKO72" s="84"/>
      <c r="AKP72" s="84"/>
      <c r="AKQ72" s="84"/>
      <c r="AKR72" s="84"/>
      <c r="AKS72" s="84"/>
      <c r="AKT72" s="84"/>
      <c r="AKU72" s="84"/>
      <c r="AKV72" s="84"/>
      <c r="AKW72" s="84"/>
      <c r="AKX72" s="84"/>
      <c r="AKY72" s="84"/>
      <c r="AKZ72" s="84"/>
      <c r="ALA72" s="84"/>
      <c r="ALB72" s="84"/>
      <c r="ALC72" s="84"/>
      <c r="ALD72" s="84"/>
      <c r="ALE72" s="84"/>
      <c r="ALF72" s="84"/>
      <c r="ALG72" s="84"/>
      <c r="ALH72" s="84"/>
      <c r="ALI72" s="84"/>
      <c r="ALJ72" s="84"/>
      <c r="ALK72" s="84"/>
      <c r="ALL72" s="84"/>
      <c r="ALM72" s="84"/>
      <c r="ALN72" s="84"/>
      <c r="ALO72" s="84"/>
      <c r="ALP72" s="84"/>
      <c r="ALQ72" s="84"/>
      <c r="ALR72" s="84"/>
      <c r="ALS72" s="84"/>
      <c r="ALT72" s="84"/>
      <c r="ALU72" s="84"/>
      <c r="ALV72" s="84"/>
      <c r="ALW72" s="84"/>
      <c r="ALX72" s="84"/>
      <c r="ALY72" s="84"/>
      <c r="ALZ72" s="84"/>
      <c r="AMA72" s="84"/>
      <c r="AMB72" s="84"/>
      <c r="AMC72" s="84"/>
      <c r="AMD72" s="84"/>
      <c r="AME72" s="84"/>
      <c r="AMF72" s="84"/>
      <c r="AMG72" s="84"/>
      <c r="AMH72" s="84"/>
      <c r="AMI72" s="84"/>
      <c r="AMJ72" s="84"/>
      <c r="AMK72" s="84"/>
      <c r="AML72" s="84"/>
      <c r="AMM72" s="84"/>
      <c r="AMN72" s="84"/>
      <c r="AMO72" s="84"/>
      <c r="AMP72" s="84"/>
      <c r="AMQ72" s="84"/>
      <c r="AMR72" s="84"/>
      <c r="AMS72" s="84"/>
      <c r="AMT72" s="84"/>
      <c r="AMU72" s="84"/>
      <c r="AMV72" s="84"/>
      <c r="AMW72" s="84"/>
      <c r="AMX72" s="84"/>
      <c r="AMY72" s="84"/>
      <c r="AMZ72" s="84"/>
      <c r="ANA72" s="84"/>
      <c r="ANB72" s="84"/>
      <c r="ANC72" s="84"/>
      <c r="AND72" s="84"/>
      <c r="ANE72" s="84"/>
      <c r="ANF72" s="84"/>
      <c r="ANG72" s="84"/>
      <c r="ANH72" s="84"/>
      <c r="ANI72" s="84"/>
      <c r="ANJ72" s="84"/>
      <c r="ANK72" s="84"/>
      <c r="ANL72" s="84"/>
      <c r="ANM72" s="84"/>
      <c r="ANN72" s="84"/>
      <c r="ANO72" s="84"/>
      <c r="ANP72" s="84"/>
      <c r="ANQ72" s="84"/>
      <c r="ANR72" s="84"/>
      <c r="ANS72" s="84"/>
      <c r="ANT72" s="84"/>
      <c r="ANU72" s="84"/>
      <c r="ANV72" s="84"/>
      <c r="ANW72" s="84"/>
      <c r="ANX72" s="84"/>
      <c r="ANY72" s="84"/>
      <c r="ANZ72" s="84"/>
      <c r="AOA72" s="84"/>
      <c r="AOB72" s="84"/>
      <c r="AOC72" s="84"/>
      <c r="AOD72" s="84"/>
      <c r="AOE72" s="84"/>
      <c r="AOF72" s="84"/>
      <c r="AOG72" s="84"/>
      <c r="AOH72" s="84"/>
      <c r="AOI72" s="84"/>
      <c r="AOJ72" s="84"/>
      <c r="AOK72" s="84"/>
      <c r="AOL72" s="84"/>
      <c r="AOM72" s="84"/>
      <c r="AON72" s="84"/>
      <c r="AOO72" s="84"/>
      <c r="AOP72" s="84"/>
      <c r="AOQ72" s="84"/>
      <c r="AOR72" s="84"/>
      <c r="AOS72" s="84"/>
      <c r="AOT72" s="84"/>
      <c r="AOU72" s="84"/>
      <c r="AOV72" s="84"/>
      <c r="AOW72" s="84"/>
      <c r="AOX72" s="84"/>
      <c r="AOY72" s="84"/>
      <c r="AOZ72" s="84"/>
      <c r="APA72" s="84"/>
      <c r="APB72" s="84"/>
      <c r="APC72" s="84"/>
      <c r="APD72" s="84"/>
      <c r="APE72" s="84"/>
      <c r="APF72" s="84"/>
      <c r="APG72" s="84"/>
      <c r="APH72" s="84"/>
      <c r="API72" s="84"/>
      <c r="APJ72" s="84"/>
      <c r="APK72" s="84"/>
      <c r="APL72" s="84"/>
      <c r="APM72" s="84"/>
      <c r="APN72" s="84"/>
      <c r="APO72" s="84"/>
      <c r="APP72" s="84"/>
      <c r="APQ72" s="84"/>
      <c r="APR72" s="84"/>
      <c r="APS72" s="84"/>
      <c r="APT72" s="84"/>
      <c r="APU72" s="84"/>
      <c r="APV72" s="84"/>
      <c r="APW72" s="84"/>
      <c r="APX72" s="84"/>
      <c r="APY72" s="84"/>
      <c r="APZ72" s="84"/>
      <c r="AQA72" s="84"/>
      <c r="AQB72" s="84"/>
      <c r="AQC72" s="84"/>
      <c r="AQD72" s="84"/>
      <c r="AQE72" s="84"/>
      <c r="AQF72" s="84"/>
      <c r="AQG72" s="84"/>
      <c r="AQH72" s="84"/>
      <c r="AQI72" s="84"/>
      <c r="AQJ72" s="84"/>
      <c r="AQK72" s="84"/>
      <c r="AQL72" s="84"/>
      <c r="AQM72" s="84"/>
      <c r="AQN72" s="84"/>
      <c r="AQO72" s="84"/>
      <c r="AQP72" s="84"/>
      <c r="AQQ72" s="84"/>
      <c r="AQR72" s="84"/>
      <c r="AQS72" s="84"/>
      <c r="AQT72" s="84"/>
      <c r="AQU72" s="84"/>
      <c r="AQV72" s="84"/>
      <c r="AQW72" s="84"/>
      <c r="AQX72" s="84"/>
      <c r="AQY72" s="84"/>
      <c r="AQZ72" s="84"/>
      <c r="ARA72" s="84"/>
      <c r="ARB72" s="84"/>
      <c r="ARC72" s="84"/>
      <c r="ARD72" s="84"/>
      <c r="ARE72" s="84"/>
      <c r="ARF72" s="84"/>
      <c r="ARG72" s="84"/>
      <c r="ARH72" s="84"/>
      <c r="ARI72" s="84"/>
      <c r="ARJ72" s="84"/>
      <c r="ARK72" s="84"/>
      <c r="ARL72" s="84"/>
      <c r="ARM72" s="84"/>
      <c r="ARN72" s="84"/>
      <c r="ARO72" s="84"/>
      <c r="ARP72" s="84"/>
      <c r="ARQ72" s="84"/>
      <c r="ARR72" s="84"/>
      <c r="ARS72" s="84"/>
      <c r="ART72" s="84"/>
      <c r="ARU72" s="84"/>
      <c r="ARV72" s="84"/>
      <c r="ARW72" s="84"/>
      <c r="ARX72" s="84"/>
      <c r="ARY72" s="84"/>
      <c r="ARZ72" s="84"/>
      <c r="ASA72" s="84"/>
      <c r="ASB72" s="84"/>
      <c r="ASC72" s="84"/>
      <c r="ASD72" s="84"/>
      <c r="ASE72" s="84"/>
      <c r="ASF72" s="84"/>
      <c r="ASG72" s="84"/>
      <c r="ASH72" s="84"/>
      <c r="ASI72" s="84"/>
      <c r="ASJ72" s="84"/>
      <c r="ASK72" s="84"/>
      <c r="ASL72" s="84"/>
      <c r="ASM72" s="84"/>
      <c r="ASN72" s="84"/>
      <c r="ASO72" s="84"/>
      <c r="ASP72" s="84"/>
      <c r="ASQ72" s="84"/>
      <c r="ASR72" s="84"/>
      <c r="ASS72" s="84"/>
      <c r="AST72" s="84"/>
      <c r="ASU72" s="84"/>
      <c r="ASV72" s="84"/>
      <c r="ASW72" s="84"/>
      <c r="ASX72" s="84"/>
      <c r="ASY72" s="84"/>
      <c r="ASZ72" s="84"/>
      <c r="ATA72" s="84"/>
      <c r="ATB72" s="84"/>
      <c r="ATC72" s="84"/>
      <c r="ATD72" s="84"/>
      <c r="ATE72" s="84"/>
      <c r="ATF72" s="84"/>
      <c r="ATG72" s="84"/>
      <c r="ATH72" s="84"/>
      <c r="ATI72" s="84"/>
      <c r="ATJ72" s="84"/>
      <c r="ATK72" s="84"/>
      <c r="ATL72" s="84"/>
      <c r="ATM72" s="84"/>
      <c r="ATN72" s="84"/>
      <c r="ATO72" s="84"/>
      <c r="ATP72" s="84"/>
      <c r="ATQ72" s="84"/>
      <c r="ATR72" s="84"/>
      <c r="ATS72" s="84"/>
      <c r="ATT72" s="84"/>
      <c r="ATU72" s="84"/>
      <c r="ATV72" s="84"/>
      <c r="ATW72" s="84"/>
      <c r="ATX72" s="84"/>
      <c r="ATY72" s="84"/>
      <c r="ATZ72" s="84"/>
      <c r="AUA72" s="84"/>
      <c r="AUB72" s="84"/>
      <c r="AUC72" s="84"/>
      <c r="AUD72" s="84"/>
      <c r="AUE72" s="84"/>
      <c r="AUF72" s="84"/>
      <c r="AUG72" s="84"/>
      <c r="AUH72" s="84"/>
      <c r="AUI72" s="84"/>
      <c r="AUJ72" s="84"/>
      <c r="AUK72" s="84"/>
      <c r="AUL72" s="84"/>
      <c r="AUM72" s="84"/>
      <c r="AUN72" s="84"/>
      <c r="AUO72" s="84"/>
      <c r="AUP72" s="84"/>
      <c r="AUQ72" s="84"/>
      <c r="AUR72" s="84"/>
      <c r="AUS72" s="84"/>
      <c r="AUT72" s="84"/>
      <c r="AUU72" s="84"/>
      <c r="AUV72" s="84"/>
      <c r="AUW72" s="84"/>
      <c r="AUX72" s="84"/>
      <c r="AUY72" s="84"/>
      <c r="AUZ72" s="84"/>
      <c r="AVA72" s="84"/>
      <c r="AVB72" s="84"/>
      <c r="AVC72" s="84"/>
      <c r="AVD72" s="84"/>
      <c r="AVE72" s="84"/>
      <c r="AVF72" s="84"/>
      <c r="AVG72" s="84"/>
      <c r="AVH72" s="84"/>
      <c r="AVI72" s="84"/>
      <c r="AVJ72" s="84"/>
      <c r="AVK72" s="84"/>
      <c r="AVL72" s="84"/>
      <c r="AVM72" s="84"/>
      <c r="AVN72" s="84"/>
      <c r="AVO72" s="84"/>
      <c r="AVP72" s="84"/>
      <c r="AVQ72" s="84"/>
      <c r="AVR72" s="84"/>
      <c r="AVS72" s="84"/>
      <c r="AVT72" s="84"/>
      <c r="AVU72" s="84"/>
      <c r="AVV72" s="84"/>
      <c r="AVW72" s="84"/>
      <c r="AVX72" s="84"/>
      <c r="AVY72" s="84"/>
      <c r="AVZ72" s="84"/>
      <c r="AWA72" s="84"/>
      <c r="AWB72" s="84"/>
      <c r="AWC72" s="84"/>
      <c r="AWD72" s="84"/>
      <c r="AWE72" s="84"/>
      <c r="AWF72" s="84"/>
      <c r="AWG72" s="84"/>
      <c r="AWH72" s="84"/>
      <c r="AWI72" s="84"/>
      <c r="AWJ72" s="84"/>
      <c r="AWK72" s="84"/>
      <c r="AWL72" s="84"/>
      <c r="AWM72" s="84"/>
      <c r="AWN72" s="84"/>
      <c r="AWO72" s="84"/>
      <c r="AWP72" s="84"/>
      <c r="AWQ72" s="84"/>
      <c r="AWR72" s="84"/>
      <c r="AWS72" s="84"/>
      <c r="AWT72" s="84"/>
      <c r="AWU72" s="84"/>
      <c r="AWV72" s="84"/>
      <c r="AWW72" s="84"/>
      <c r="AWX72" s="84"/>
      <c r="AWY72" s="84"/>
      <c r="AWZ72" s="84"/>
      <c r="AXA72" s="84"/>
      <c r="AXB72" s="84"/>
      <c r="AXC72" s="84"/>
      <c r="AXD72" s="84"/>
      <c r="AXE72" s="84"/>
      <c r="AXF72" s="84"/>
      <c r="AXG72" s="84"/>
      <c r="AXH72" s="84"/>
      <c r="AXI72" s="84"/>
      <c r="AXJ72" s="84"/>
      <c r="AXK72" s="84"/>
      <c r="AXL72" s="84"/>
      <c r="AXM72" s="84"/>
      <c r="AXN72" s="84"/>
      <c r="AXO72" s="84"/>
      <c r="AXP72" s="84"/>
      <c r="AXQ72" s="84"/>
      <c r="AXR72" s="84"/>
      <c r="AXS72" s="84"/>
      <c r="AXT72" s="84"/>
      <c r="AXU72" s="84"/>
      <c r="AXV72" s="84"/>
      <c r="AXW72" s="84"/>
      <c r="AXX72" s="84"/>
      <c r="AXY72" s="84"/>
      <c r="AXZ72" s="84"/>
      <c r="AYA72" s="84"/>
      <c r="AYB72" s="84"/>
      <c r="AYC72" s="84"/>
      <c r="AYD72" s="84"/>
      <c r="AYE72" s="84"/>
      <c r="AYF72" s="84"/>
      <c r="AYG72" s="84"/>
      <c r="AYH72" s="84"/>
      <c r="AYI72" s="84"/>
      <c r="AYJ72" s="84"/>
      <c r="AYK72" s="84"/>
      <c r="AYL72" s="84"/>
      <c r="AYM72" s="84"/>
      <c r="AYN72" s="84"/>
      <c r="AYO72" s="84"/>
      <c r="AYP72" s="84"/>
      <c r="AYQ72" s="84"/>
      <c r="AYR72" s="84"/>
      <c r="AYS72" s="84"/>
      <c r="AYT72" s="84"/>
      <c r="AYU72" s="84"/>
      <c r="AYV72" s="84"/>
      <c r="AYW72" s="84"/>
      <c r="AYX72" s="84"/>
      <c r="AYY72" s="84"/>
      <c r="AYZ72" s="84"/>
      <c r="AZA72" s="84"/>
      <c r="AZB72" s="84"/>
      <c r="AZC72" s="84"/>
      <c r="AZD72" s="84"/>
      <c r="AZE72" s="84"/>
      <c r="AZF72" s="84"/>
      <c r="AZG72" s="84"/>
      <c r="AZH72" s="84"/>
      <c r="AZI72" s="84"/>
      <c r="AZJ72" s="84"/>
      <c r="AZK72" s="84"/>
      <c r="AZL72" s="84"/>
      <c r="AZM72" s="84"/>
      <c r="AZN72" s="84"/>
      <c r="AZO72" s="84"/>
      <c r="AZP72" s="84"/>
      <c r="AZQ72" s="84"/>
      <c r="AZR72" s="84"/>
      <c r="AZS72" s="84"/>
      <c r="AZT72" s="84"/>
      <c r="AZU72" s="84"/>
      <c r="AZV72" s="84"/>
      <c r="AZW72" s="84"/>
      <c r="AZX72" s="84"/>
      <c r="AZY72" s="84"/>
      <c r="AZZ72" s="84"/>
      <c r="BAA72" s="84"/>
      <c r="BAB72" s="84"/>
      <c r="BAC72" s="84"/>
      <c r="BAD72" s="84"/>
      <c r="BAE72" s="84"/>
      <c r="BAF72" s="84"/>
      <c r="BAG72" s="84"/>
      <c r="BAH72" s="84"/>
      <c r="BAI72" s="84"/>
      <c r="BAJ72" s="84"/>
      <c r="BAK72" s="84"/>
      <c r="BAL72" s="84"/>
      <c r="BAM72" s="84"/>
      <c r="BAN72" s="84"/>
      <c r="BAO72" s="84"/>
      <c r="BAP72" s="84"/>
      <c r="BAQ72" s="84"/>
      <c r="BAR72" s="84"/>
      <c r="BAS72" s="84"/>
      <c r="BAT72" s="84"/>
      <c r="BAU72" s="84"/>
      <c r="BAV72" s="84"/>
      <c r="BAW72" s="84"/>
      <c r="BAX72" s="84"/>
      <c r="BAY72" s="84"/>
      <c r="BAZ72" s="84"/>
      <c r="BBA72" s="84"/>
      <c r="BBB72" s="84"/>
      <c r="BBC72" s="84"/>
      <c r="BBD72" s="84"/>
      <c r="BBE72" s="84"/>
      <c r="BBF72" s="84"/>
      <c r="BBG72" s="84"/>
      <c r="BBH72" s="84"/>
      <c r="BBI72" s="84"/>
      <c r="BBJ72" s="84"/>
      <c r="BBK72" s="84"/>
      <c r="BBL72" s="84"/>
      <c r="BBM72" s="84"/>
      <c r="BBN72" s="84"/>
    </row>
    <row r="73" spans="1:1418" s="85" customFormat="1" ht="20.25" customHeight="1" x14ac:dyDescent="0.2">
      <c r="A73" s="88" t="s">
        <v>24</v>
      </c>
      <c r="K73" s="84"/>
      <c r="L73" s="84"/>
      <c r="M73" s="84"/>
      <c r="N73" s="84"/>
      <c r="O73" s="84"/>
      <c r="P73" s="84"/>
      <c r="Q73" s="84"/>
      <c r="R73" s="84"/>
      <c r="S73" s="84"/>
      <c r="T73" s="84"/>
      <c r="U73" s="84"/>
      <c r="V73" s="84"/>
      <c r="W73" s="84"/>
      <c r="X73" s="84"/>
      <c r="Y73" s="84"/>
      <c r="Z73" s="84"/>
      <c r="AA73" s="84"/>
      <c r="AB73" s="84"/>
      <c r="AC73" s="84"/>
      <c r="AD73" s="84"/>
      <c r="AE73" s="84"/>
      <c r="AF73" s="84"/>
      <c r="AG73" s="84"/>
      <c r="AH73" s="84"/>
      <c r="AI73" s="84"/>
      <c r="AJ73" s="84"/>
      <c r="AK73" s="84"/>
      <c r="AL73" s="84"/>
      <c r="AM73" s="84"/>
      <c r="AN73" s="84"/>
      <c r="AO73" s="84"/>
      <c r="AP73" s="84"/>
      <c r="AQ73" s="84"/>
      <c r="AR73" s="84"/>
      <c r="AS73" s="84"/>
      <c r="AT73" s="84"/>
      <c r="AU73" s="84"/>
      <c r="AV73" s="84"/>
      <c r="AW73" s="84"/>
      <c r="AX73" s="84"/>
      <c r="AY73" s="84"/>
      <c r="AZ73" s="84"/>
      <c r="BA73" s="84"/>
      <c r="BB73" s="84"/>
      <c r="BC73" s="84"/>
      <c r="BD73" s="84"/>
      <c r="BE73" s="84"/>
      <c r="BF73" s="84"/>
      <c r="BG73" s="84"/>
      <c r="BH73" s="84"/>
      <c r="BI73" s="84"/>
      <c r="BJ73" s="84"/>
      <c r="BK73" s="84"/>
      <c r="BL73" s="84"/>
      <c r="BM73" s="84"/>
      <c r="BN73" s="84"/>
      <c r="BO73" s="84"/>
      <c r="BP73" s="84"/>
      <c r="BQ73" s="84"/>
      <c r="BR73" s="84"/>
      <c r="BS73" s="84"/>
      <c r="BT73" s="84"/>
      <c r="BU73" s="84"/>
      <c r="BV73" s="84"/>
      <c r="BW73" s="84"/>
      <c r="BX73" s="84"/>
      <c r="BY73" s="84"/>
      <c r="BZ73" s="84"/>
      <c r="CA73" s="84"/>
      <c r="CB73" s="84"/>
      <c r="CC73" s="84"/>
      <c r="CD73" s="84"/>
      <c r="CE73" s="84"/>
      <c r="CF73" s="84"/>
      <c r="CG73" s="84"/>
      <c r="CH73" s="84"/>
      <c r="CI73" s="84"/>
      <c r="CJ73" s="84"/>
      <c r="CK73" s="84"/>
      <c r="CL73" s="84"/>
      <c r="CM73" s="84"/>
      <c r="CN73" s="84"/>
      <c r="CO73" s="84"/>
      <c r="CP73" s="84"/>
      <c r="CQ73" s="84"/>
      <c r="CR73" s="84"/>
      <c r="CS73" s="84"/>
      <c r="CT73" s="84"/>
      <c r="CU73" s="84"/>
      <c r="CV73" s="84"/>
      <c r="CW73" s="84"/>
      <c r="CX73" s="84"/>
      <c r="CY73" s="84"/>
      <c r="CZ73" s="84"/>
      <c r="DA73" s="84"/>
      <c r="DB73" s="84"/>
      <c r="DC73" s="84"/>
      <c r="DD73" s="84"/>
      <c r="DE73" s="84"/>
      <c r="DF73" s="84"/>
      <c r="DG73" s="84"/>
      <c r="DH73" s="84"/>
      <c r="DI73" s="84"/>
      <c r="DJ73" s="84"/>
      <c r="DK73" s="84"/>
      <c r="DL73" s="84"/>
      <c r="DM73" s="84"/>
      <c r="DN73" s="84"/>
      <c r="DO73" s="84"/>
      <c r="DP73" s="84"/>
      <c r="DQ73" s="84"/>
      <c r="DR73" s="84"/>
      <c r="DS73" s="84"/>
      <c r="DT73" s="84"/>
      <c r="DU73" s="84"/>
      <c r="DV73" s="84"/>
      <c r="DW73" s="84"/>
      <c r="DX73" s="84"/>
      <c r="DY73" s="84"/>
      <c r="DZ73" s="84"/>
      <c r="EA73" s="84"/>
      <c r="EB73" s="84"/>
      <c r="EC73" s="84"/>
      <c r="ED73" s="84"/>
      <c r="EE73" s="84"/>
      <c r="EF73" s="84"/>
      <c r="EG73" s="84"/>
      <c r="EH73" s="84"/>
      <c r="EI73" s="84"/>
      <c r="EJ73" s="84"/>
      <c r="EK73" s="84"/>
      <c r="EL73" s="84"/>
      <c r="EM73" s="84"/>
      <c r="EN73" s="84"/>
      <c r="EO73" s="84"/>
      <c r="EP73" s="84"/>
      <c r="EQ73" s="84"/>
      <c r="ER73" s="84"/>
      <c r="ES73" s="84"/>
      <c r="ET73" s="84"/>
      <c r="EU73" s="84"/>
      <c r="EV73" s="84"/>
      <c r="EW73" s="84"/>
      <c r="EX73" s="84"/>
      <c r="EY73" s="84"/>
      <c r="EZ73" s="84"/>
      <c r="FA73" s="84"/>
      <c r="FB73" s="84"/>
      <c r="FC73" s="84"/>
      <c r="FD73" s="84"/>
      <c r="FE73" s="84"/>
      <c r="FF73" s="84"/>
      <c r="FG73" s="84"/>
      <c r="FH73" s="84"/>
      <c r="FI73" s="84"/>
      <c r="FJ73" s="84"/>
      <c r="FK73" s="84"/>
      <c r="FL73" s="84"/>
      <c r="FM73" s="84"/>
      <c r="FN73" s="84"/>
      <c r="FO73" s="84"/>
      <c r="FP73" s="84"/>
      <c r="FQ73" s="84"/>
      <c r="FR73" s="84"/>
      <c r="FS73" s="84"/>
      <c r="FT73" s="84"/>
      <c r="FU73" s="84"/>
      <c r="FV73" s="84"/>
      <c r="FW73" s="84"/>
      <c r="FX73" s="84"/>
      <c r="FY73" s="84"/>
      <c r="FZ73" s="84"/>
      <c r="GA73" s="84"/>
      <c r="GB73" s="84"/>
      <c r="GC73" s="84"/>
      <c r="GD73" s="84"/>
      <c r="GE73" s="84"/>
      <c r="GF73" s="84"/>
      <c r="GG73" s="84"/>
      <c r="GH73" s="84"/>
      <c r="GI73" s="84"/>
      <c r="GJ73" s="84"/>
      <c r="GK73" s="84"/>
      <c r="GL73" s="84"/>
      <c r="GM73" s="84"/>
      <c r="GN73" s="84"/>
      <c r="GO73" s="84"/>
      <c r="GP73" s="84"/>
      <c r="GQ73" s="84"/>
      <c r="GR73" s="84"/>
      <c r="GS73" s="84"/>
      <c r="GT73" s="84"/>
      <c r="GU73" s="84"/>
      <c r="GV73" s="84"/>
      <c r="GW73" s="84"/>
      <c r="GX73" s="84"/>
      <c r="GY73" s="84"/>
      <c r="GZ73" s="84"/>
      <c r="HA73" s="84"/>
      <c r="HB73" s="84"/>
      <c r="HC73" s="84"/>
      <c r="HD73" s="84"/>
      <c r="HE73" s="84"/>
      <c r="HF73" s="84"/>
      <c r="HG73" s="84"/>
      <c r="HH73" s="84"/>
      <c r="HI73" s="84"/>
      <c r="HJ73" s="84"/>
      <c r="HK73" s="84"/>
      <c r="HL73" s="84"/>
      <c r="HM73" s="84"/>
      <c r="HN73" s="84"/>
      <c r="HO73" s="84"/>
      <c r="HP73" s="84"/>
      <c r="HQ73" s="84"/>
      <c r="HR73" s="84"/>
      <c r="HS73" s="84"/>
      <c r="HT73" s="84"/>
      <c r="HU73" s="84"/>
      <c r="HV73" s="84"/>
      <c r="HW73" s="84"/>
      <c r="HX73" s="84"/>
      <c r="HY73" s="84"/>
      <c r="HZ73" s="84"/>
      <c r="IA73" s="84"/>
      <c r="IB73" s="84"/>
      <c r="IC73" s="84"/>
      <c r="ID73" s="84"/>
      <c r="IE73" s="84"/>
      <c r="IF73" s="84"/>
      <c r="IG73" s="84"/>
      <c r="IH73" s="84"/>
      <c r="II73" s="84"/>
      <c r="IJ73" s="84"/>
      <c r="IK73" s="84"/>
      <c r="IL73" s="84"/>
      <c r="IM73" s="84"/>
      <c r="IN73" s="84"/>
      <c r="IO73" s="84"/>
      <c r="IP73" s="84"/>
      <c r="IQ73" s="84"/>
      <c r="IR73" s="84"/>
      <c r="IS73" s="84"/>
      <c r="IT73" s="84"/>
      <c r="IU73" s="84"/>
      <c r="IV73" s="84"/>
      <c r="IW73" s="84"/>
      <c r="IX73" s="84"/>
      <c r="IY73" s="84"/>
      <c r="IZ73" s="84"/>
      <c r="JA73" s="84"/>
      <c r="JB73" s="84"/>
      <c r="JC73" s="84"/>
      <c r="JD73" s="84"/>
      <c r="JE73" s="84"/>
      <c r="JF73" s="84"/>
      <c r="JG73" s="84"/>
      <c r="JH73" s="84"/>
      <c r="JI73" s="84"/>
      <c r="JJ73" s="84"/>
      <c r="JK73" s="84"/>
      <c r="JL73" s="84"/>
      <c r="JM73" s="84"/>
      <c r="JN73" s="84"/>
      <c r="JO73" s="84"/>
      <c r="JP73" s="84"/>
      <c r="JQ73" s="84"/>
      <c r="JR73" s="84"/>
      <c r="JS73" s="84"/>
      <c r="JT73" s="84"/>
      <c r="JU73" s="84"/>
      <c r="JV73" s="84"/>
      <c r="JW73" s="84"/>
      <c r="JX73" s="84"/>
      <c r="JY73" s="84"/>
      <c r="JZ73" s="84"/>
      <c r="KA73" s="84"/>
      <c r="KB73" s="84"/>
      <c r="KC73" s="84"/>
      <c r="KD73" s="84"/>
      <c r="KE73" s="84"/>
      <c r="KF73" s="84"/>
      <c r="KG73" s="84"/>
      <c r="KH73" s="84"/>
      <c r="KI73" s="84"/>
      <c r="KJ73" s="84"/>
      <c r="KK73" s="84"/>
      <c r="KL73" s="84"/>
      <c r="KM73" s="84"/>
      <c r="KN73" s="84"/>
      <c r="KO73" s="84"/>
      <c r="KP73" s="84"/>
      <c r="KQ73" s="84"/>
      <c r="KR73" s="84"/>
      <c r="KS73" s="84"/>
      <c r="KT73" s="84"/>
      <c r="KU73" s="84"/>
      <c r="KV73" s="84"/>
      <c r="KW73" s="84"/>
      <c r="KX73" s="84"/>
      <c r="KY73" s="84"/>
      <c r="KZ73" s="84"/>
      <c r="LA73" s="84"/>
      <c r="LB73" s="84"/>
      <c r="LC73" s="84"/>
      <c r="LD73" s="84"/>
      <c r="LE73" s="84"/>
      <c r="LF73" s="84"/>
      <c r="LG73" s="84"/>
      <c r="LH73" s="84"/>
      <c r="LI73" s="84"/>
      <c r="LJ73" s="84"/>
      <c r="LK73" s="84"/>
      <c r="LL73" s="84"/>
      <c r="LM73" s="84"/>
      <c r="LN73" s="84"/>
      <c r="LO73" s="84"/>
      <c r="LP73" s="84"/>
      <c r="LQ73" s="84"/>
      <c r="LR73" s="84"/>
      <c r="LS73" s="84"/>
      <c r="LT73" s="84"/>
      <c r="LU73" s="84"/>
      <c r="LV73" s="84"/>
      <c r="LW73" s="84"/>
      <c r="LX73" s="84"/>
      <c r="LY73" s="84"/>
      <c r="LZ73" s="84"/>
      <c r="MA73" s="84"/>
      <c r="MB73" s="84"/>
      <c r="MC73" s="84"/>
      <c r="MD73" s="84"/>
      <c r="ME73" s="84"/>
      <c r="MF73" s="84"/>
      <c r="MG73" s="84"/>
      <c r="MH73" s="84"/>
      <c r="MI73" s="84"/>
      <c r="MJ73" s="84"/>
      <c r="MK73" s="84"/>
      <c r="ML73" s="84"/>
      <c r="MM73" s="84"/>
      <c r="MN73" s="84"/>
      <c r="MO73" s="84"/>
      <c r="MP73" s="84"/>
      <c r="MQ73" s="84"/>
      <c r="MR73" s="84"/>
      <c r="MS73" s="84"/>
      <c r="MT73" s="84"/>
      <c r="MU73" s="84"/>
      <c r="MV73" s="84"/>
      <c r="MW73" s="84"/>
      <c r="MX73" s="84"/>
      <c r="MY73" s="84"/>
      <c r="MZ73" s="84"/>
      <c r="NA73" s="84"/>
      <c r="NB73" s="84"/>
      <c r="NC73" s="84"/>
      <c r="ND73" s="84"/>
      <c r="NE73" s="84"/>
      <c r="NF73" s="84"/>
      <c r="NG73" s="84"/>
      <c r="NH73" s="84"/>
      <c r="NI73" s="84"/>
      <c r="NJ73" s="84"/>
      <c r="NK73" s="84"/>
      <c r="NL73" s="84"/>
      <c r="NM73" s="84"/>
      <c r="NN73" s="84"/>
      <c r="NO73" s="84"/>
      <c r="NP73" s="84"/>
      <c r="NQ73" s="84"/>
      <c r="NR73" s="84"/>
      <c r="NS73" s="84"/>
      <c r="NT73" s="84"/>
      <c r="NU73" s="84"/>
      <c r="NV73" s="84"/>
      <c r="NW73" s="84"/>
      <c r="NX73" s="84"/>
      <c r="NY73" s="84"/>
      <c r="NZ73" s="84"/>
      <c r="OA73" s="84"/>
      <c r="OB73" s="84"/>
      <c r="OC73" s="84"/>
      <c r="OD73" s="84"/>
      <c r="OE73" s="84"/>
      <c r="OF73" s="84"/>
      <c r="OG73" s="84"/>
      <c r="OH73" s="84"/>
      <c r="OI73" s="84"/>
      <c r="OJ73" s="84"/>
      <c r="OK73" s="84"/>
      <c r="OL73" s="84"/>
      <c r="OM73" s="84"/>
      <c r="ON73" s="84"/>
      <c r="OO73" s="84"/>
      <c r="OP73" s="84"/>
      <c r="OQ73" s="84"/>
      <c r="OR73" s="84"/>
      <c r="OS73" s="84"/>
      <c r="OT73" s="84"/>
      <c r="OU73" s="84"/>
      <c r="OV73" s="84"/>
      <c r="OW73" s="84"/>
      <c r="OX73" s="84"/>
      <c r="OY73" s="84"/>
      <c r="OZ73" s="84"/>
      <c r="PA73" s="84"/>
      <c r="PB73" s="84"/>
      <c r="PC73" s="84"/>
      <c r="PD73" s="84"/>
      <c r="PE73" s="84"/>
      <c r="PF73" s="84"/>
      <c r="PG73" s="84"/>
      <c r="PH73" s="84"/>
      <c r="PI73" s="84"/>
      <c r="PJ73" s="84"/>
      <c r="PK73" s="84"/>
      <c r="PL73" s="84"/>
      <c r="PM73" s="84"/>
      <c r="PN73" s="84"/>
      <c r="PO73" s="84"/>
      <c r="PP73" s="84"/>
      <c r="PQ73" s="84"/>
      <c r="PR73" s="84"/>
      <c r="PS73" s="84"/>
      <c r="PT73" s="84"/>
      <c r="PU73" s="84"/>
      <c r="PV73" s="84"/>
      <c r="PW73" s="84"/>
      <c r="PX73" s="84"/>
      <c r="PY73" s="84"/>
      <c r="PZ73" s="84"/>
      <c r="QA73" s="84"/>
      <c r="QB73" s="84"/>
      <c r="QC73" s="84"/>
      <c r="QD73" s="84"/>
      <c r="QE73" s="84"/>
      <c r="QF73" s="84"/>
      <c r="QG73" s="84"/>
      <c r="QH73" s="84"/>
      <c r="QI73" s="84"/>
      <c r="QJ73" s="84"/>
      <c r="QK73" s="84"/>
      <c r="QL73" s="84"/>
      <c r="QM73" s="84"/>
      <c r="QN73" s="84"/>
      <c r="QO73" s="84"/>
      <c r="QP73" s="84"/>
      <c r="QQ73" s="84"/>
      <c r="QR73" s="84"/>
      <c r="QS73" s="84"/>
      <c r="QT73" s="84"/>
      <c r="QU73" s="84"/>
      <c r="QV73" s="84"/>
      <c r="QW73" s="84"/>
      <c r="QX73" s="84"/>
      <c r="QY73" s="84"/>
      <c r="QZ73" s="84"/>
      <c r="RA73" s="84"/>
      <c r="RB73" s="84"/>
      <c r="RC73" s="84"/>
      <c r="RD73" s="84"/>
      <c r="RE73" s="84"/>
      <c r="RF73" s="84"/>
      <c r="RG73" s="84"/>
      <c r="RH73" s="84"/>
      <c r="RI73" s="84"/>
      <c r="RJ73" s="84"/>
      <c r="RK73" s="84"/>
      <c r="RL73" s="84"/>
      <c r="RM73" s="84"/>
      <c r="RN73" s="84"/>
      <c r="RO73" s="84"/>
      <c r="RP73" s="84"/>
      <c r="RQ73" s="84"/>
      <c r="RR73" s="84"/>
      <c r="RS73" s="84"/>
      <c r="RT73" s="84"/>
      <c r="RU73" s="84"/>
      <c r="RV73" s="84"/>
      <c r="RW73" s="84"/>
      <c r="RX73" s="84"/>
      <c r="RY73" s="84"/>
      <c r="RZ73" s="84"/>
      <c r="SA73" s="84"/>
      <c r="SB73" s="84"/>
      <c r="SC73" s="84"/>
      <c r="SD73" s="84"/>
      <c r="SE73" s="84"/>
      <c r="SF73" s="84"/>
      <c r="SG73" s="84"/>
      <c r="SH73" s="84"/>
      <c r="SI73" s="84"/>
      <c r="SJ73" s="84"/>
      <c r="SK73" s="84"/>
      <c r="SL73" s="84"/>
      <c r="SM73" s="84"/>
      <c r="SN73" s="84"/>
      <c r="SO73" s="84"/>
      <c r="SP73" s="84"/>
      <c r="SQ73" s="84"/>
      <c r="SR73" s="84"/>
      <c r="SS73" s="84"/>
      <c r="ST73" s="84"/>
      <c r="SU73" s="84"/>
      <c r="SV73" s="84"/>
      <c r="SW73" s="84"/>
      <c r="SX73" s="84"/>
      <c r="SY73" s="84"/>
      <c r="SZ73" s="84"/>
      <c r="TA73" s="84"/>
      <c r="TB73" s="84"/>
      <c r="TC73" s="84"/>
      <c r="TD73" s="84"/>
      <c r="TE73" s="84"/>
      <c r="TF73" s="84"/>
      <c r="TG73" s="84"/>
      <c r="TH73" s="84"/>
      <c r="TI73" s="84"/>
      <c r="TJ73" s="84"/>
      <c r="TK73" s="84"/>
      <c r="TL73" s="84"/>
      <c r="TM73" s="84"/>
      <c r="TN73" s="84"/>
      <c r="TO73" s="84"/>
      <c r="TP73" s="84"/>
      <c r="TQ73" s="84"/>
      <c r="TR73" s="84"/>
      <c r="TS73" s="84"/>
      <c r="TT73" s="84"/>
      <c r="TU73" s="84"/>
      <c r="TV73" s="84"/>
      <c r="TW73" s="84"/>
      <c r="TX73" s="84"/>
      <c r="TY73" s="84"/>
      <c r="TZ73" s="84"/>
      <c r="UA73" s="84"/>
      <c r="UB73" s="84"/>
      <c r="UC73" s="84"/>
      <c r="UD73" s="84"/>
      <c r="UE73" s="84"/>
      <c r="UF73" s="84"/>
      <c r="UG73" s="84"/>
      <c r="UH73" s="84"/>
      <c r="UI73" s="84"/>
      <c r="UJ73" s="84"/>
      <c r="UK73" s="84"/>
      <c r="UL73" s="84"/>
      <c r="UM73" s="84"/>
      <c r="UN73" s="84"/>
      <c r="UO73" s="84"/>
      <c r="UP73" s="84"/>
      <c r="UQ73" s="84"/>
      <c r="UR73" s="84"/>
      <c r="US73" s="84"/>
      <c r="UT73" s="84"/>
      <c r="UU73" s="84"/>
      <c r="UV73" s="84"/>
      <c r="UW73" s="84"/>
      <c r="UX73" s="84"/>
      <c r="UY73" s="84"/>
      <c r="UZ73" s="84"/>
      <c r="VA73" s="84"/>
      <c r="VB73" s="84"/>
      <c r="VC73" s="84"/>
      <c r="VD73" s="84"/>
      <c r="VE73" s="84"/>
      <c r="VF73" s="84"/>
      <c r="VG73" s="84"/>
      <c r="VH73" s="84"/>
      <c r="VI73" s="84"/>
      <c r="VJ73" s="84"/>
      <c r="VK73" s="84"/>
      <c r="VL73" s="84"/>
      <c r="VM73" s="84"/>
      <c r="VN73" s="84"/>
      <c r="VO73" s="84"/>
      <c r="VP73" s="84"/>
      <c r="VQ73" s="84"/>
      <c r="VR73" s="84"/>
      <c r="VS73" s="84"/>
      <c r="VT73" s="84"/>
      <c r="VU73" s="84"/>
      <c r="VV73" s="84"/>
      <c r="VW73" s="84"/>
      <c r="VX73" s="84"/>
      <c r="VY73" s="84"/>
      <c r="VZ73" s="84"/>
      <c r="WA73" s="84"/>
      <c r="WB73" s="84"/>
      <c r="WC73" s="84"/>
      <c r="WD73" s="84"/>
      <c r="WE73" s="84"/>
      <c r="WF73" s="84"/>
      <c r="WG73" s="84"/>
      <c r="WH73" s="84"/>
      <c r="WI73" s="84"/>
      <c r="WJ73" s="84"/>
      <c r="WK73" s="84"/>
      <c r="WL73" s="84"/>
      <c r="WM73" s="84"/>
      <c r="WN73" s="84"/>
      <c r="WO73" s="84"/>
      <c r="WP73" s="84"/>
      <c r="WQ73" s="84"/>
      <c r="WR73" s="84"/>
      <c r="WS73" s="84"/>
      <c r="WT73" s="84"/>
      <c r="WU73" s="84"/>
      <c r="WV73" s="84"/>
      <c r="WW73" s="84"/>
      <c r="WX73" s="84"/>
      <c r="WY73" s="84"/>
      <c r="WZ73" s="84"/>
      <c r="XA73" s="84"/>
      <c r="XB73" s="84"/>
      <c r="XC73" s="84"/>
      <c r="XD73" s="84"/>
      <c r="XE73" s="84"/>
      <c r="XF73" s="84"/>
      <c r="XG73" s="84"/>
      <c r="XH73" s="84"/>
      <c r="XI73" s="84"/>
      <c r="XJ73" s="84"/>
      <c r="XK73" s="84"/>
      <c r="XL73" s="84"/>
      <c r="XM73" s="84"/>
      <c r="XN73" s="84"/>
      <c r="XO73" s="84"/>
      <c r="XP73" s="84"/>
      <c r="XQ73" s="84"/>
      <c r="XR73" s="84"/>
      <c r="XS73" s="84"/>
      <c r="XT73" s="84"/>
      <c r="XU73" s="84"/>
      <c r="XV73" s="84"/>
      <c r="XW73" s="84"/>
      <c r="XX73" s="84"/>
      <c r="XY73" s="84"/>
      <c r="XZ73" s="84"/>
      <c r="YA73" s="84"/>
      <c r="YB73" s="84"/>
      <c r="YC73" s="84"/>
      <c r="YD73" s="84"/>
      <c r="YE73" s="84"/>
      <c r="YF73" s="84"/>
      <c r="YG73" s="84"/>
      <c r="YH73" s="84"/>
      <c r="YI73" s="84"/>
      <c r="YJ73" s="84"/>
      <c r="YK73" s="84"/>
      <c r="YL73" s="84"/>
      <c r="YM73" s="84"/>
      <c r="YN73" s="84"/>
      <c r="YO73" s="84"/>
      <c r="YP73" s="84"/>
      <c r="YQ73" s="84"/>
      <c r="YR73" s="84"/>
      <c r="YS73" s="84"/>
      <c r="YT73" s="84"/>
      <c r="YU73" s="84"/>
      <c r="YV73" s="84"/>
      <c r="YW73" s="84"/>
      <c r="YX73" s="84"/>
      <c r="YY73" s="84"/>
      <c r="YZ73" s="84"/>
      <c r="ZA73" s="84"/>
      <c r="ZB73" s="84"/>
      <c r="ZC73" s="84"/>
      <c r="ZD73" s="84"/>
      <c r="ZE73" s="84"/>
      <c r="ZF73" s="84"/>
      <c r="ZG73" s="84"/>
      <c r="ZH73" s="84"/>
      <c r="ZI73" s="84"/>
      <c r="ZJ73" s="84"/>
      <c r="ZK73" s="84"/>
      <c r="ZL73" s="84"/>
      <c r="ZM73" s="84"/>
      <c r="ZN73" s="84"/>
      <c r="ZO73" s="84"/>
      <c r="ZP73" s="84"/>
      <c r="ZQ73" s="84"/>
      <c r="ZR73" s="84"/>
      <c r="ZS73" s="84"/>
      <c r="ZT73" s="84"/>
      <c r="ZU73" s="84"/>
      <c r="ZV73" s="84"/>
      <c r="ZW73" s="84"/>
      <c r="ZX73" s="84"/>
      <c r="ZY73" s="84"/>
      <c r="ZZ73" s="84"/>
      <c r="AAA73" s="84"/>
      <c r="AAB73" s="84"/>
      <c r="AAC73" s="84"/>
      <c r="AAD73" s="84"/>
      <c r="AAE73" s="84"/>
      <c r="AAF73" s="84"/>
      <c r="AAG73" s="84"/>
      <c r="AAH73" s="84"/>
      <c r="AAI73" s="84"/>
      <c r="AAJ73" s="84"/>
      <c r="AAK73" s="84"/>
      <c r="AAL73" s="84"/>
      <c r="AAM73" s="84"/>
      <c r="AAN73" s="84"/>
      <c r="AAO73" s="84"/>
      <c r="AAP73" s="84"/>
      <c r="AAQ73" s="84"/>
      <c r="AAR73" s="84"/>
      <c r="AAS73" s="84"/>
      <c r="AAT73" s="84"/>
      <c r="AAU73" s="84"/>
      <c r="AAV73" s="84"/>
      <c r="AAW73" s="84"/>
      <c r="AAX73" s="84"/>
      <c r="AAY73" s="84"/>
      <c r="AAZ73" s="84"/>
      <c r="ABA73" s="84"/>
      <c r="ABB73" s="84"/>
      <c r="ABC73" s="84"/>
      <c r="ABD73" s="84"/>
      <c r="ABE73" s="84"/>
      <c r="ABF73" s="84"/>
      <c r="ABG73" s="84"/>
      <c r="ABH73" s="84"/>
      <c r="ABI73" s="84"/>
      <c r="ABJ73" s="84"/>
      <c r="ABK73" s="84"/>
      <c r="ABL73" s="84"/>
      <c r="ABM73" s="84"/>
      <c r="ABN73" s="84"/>
      <c r="ABO73" s="84"/>
      <c r="ABP73" s="84"/>
      <c r="ABQ73" s="84"/>
      <c r="ABR73" s="84"/>
      <c r="ABS73" s="84"/>
      <c r="ABT73" s="84"/>
      <c r="ABU73" s="84"/>
      <c r="ABV73" s="84"/>
      <c r="ABW73" s="84"/>
      <c r="ABX73" s="84"/>
      <c r="ABY73" s="84"/>
      <c r="ABZ73" s="84"/>
      <c r="ACA73" s="84"/>
      <c r="ACB73" s="84"/>
      <c r="ACC73" s="84"/>
      <c r="ACD73" s="84"/>
      <c r="ACE73" s="84"/>
      <c r="ACF73" s="84"/>
      <c r="ACG73" s="84"/>
      <c r="ACH73" s="84"/>
      <c r="ACI73" s="84"/>
      <c r="ACJ73" s="84"/>
      <c r="ACK73" s="84"/>
      <c r="ACL73" s="84"/>
      <c r="ACM73" s="84"/>
      <c r="ACN73" s="84"/>
      <c r="ACO73" s="84"/>
      <c r="ACP73" s="84"/>
      <c r="ACQ73" s="84"/>
      <c r="ACR73" s="84"/>
      <c r="ACS73" s="84"/>
      <c r="ACT73" s="84"/>
      <c r="ACU73" s="84"/>
      <c r="ACV73" s="84"/>
      <c r="ACW73" s="84"/>
      <c r="ACX73" s="84"/>
      <c r="ACY73" s="84"/>
      <c r="ACZ73" s="84"/>
      <c r="ADA73" s="84"/>
      <c r="ADB73" s="84"/>
      <c r="ADC73" s="84"/>
      <c r="ADD73" s="84"/>
      <c r="ADE73" s="84"/>
      <c r="ADF73" s="84"/>
      <c r="ADG73" s="84"/>
      <c r="ADH73" s="84"/>
      <c r="ADI73" s="84"/>
      <c r="ADJ73" s="84"/>
      <c r="ADK73" s="84"/>
      <c r="ADL73" s="84"/>
      <c r="ADM73" s="84"/>
      <c r="ADN73" s="84"/>
      <c r="ADO73" s="84"/>
      <c r="ADP73" s="84"/>
      <c r="ADQ73" s="84"/>
      <c r="ADR73" s="84"/>
      <c r="ADS73" s="84"/>
      <c r="ADT73" s="84"/>
      <c r="ADU73" s="84"/>
      <c r="ADV73" s="84"/>
      <c r="ADW73" s="84"/>
      <c r="ADX73" s="84"/>
      <c r="ADY73" s="84"/>
      <c r="ADZ73" s="84"/>
      <c r="AEA73" s="84"/>
      <c r="AEB73" s="84"/>
      <c r="AEC73" s="84"/>
      <c r="AED73" s="84"/>
      <c r="AEE73" s="84"/>
      <c r="AEF73" s="84"/>
      <c r="AEG73" s="84"/>
      <c r="AEH73" s="84"/>
      <c r="AEI73" s="84"/>
      <c r="AEJ73" s="84"/>
      <c r="AEK73" s="84"/>
      <c r="AEL73" s="84"/>
      <c r="AEM73" s="84"/>
      <c r="AEN73" s="84"/>
      <c r="AEO73" s="84"/>
      <c r="AEP73" s="84"/>
      <c r="AEQ73" s="84"/>
      <c r="AER73" s="84"/>
      <c r="AES73" s="84"/>
      <c r="AET73" s="84"/>
      <c r="AEU73" s="84"/>
      <c r="AEV73" s="84"/>
      <c r="AEW73" s="84"/>
      <c r="AEX73" s="84"/>
      <c r="AEY73" s="84"/>
      <c r="AEZ73" s="84"/>
      <c r="AFA73" s="84"/>
      <c r="AFB73" s="84"/>
      <c r="AFC73" s="84"/>
      <c r="AFD73" s="84"/>
      <c r="AFE73" s="84"/>
      <c r="AFF73" s="84"/>
      <c r="AFG73" s="84"/>
      <c r="AFH73" s="84"/>
      <c r="AFI73" s="84"/>
      <c r="AFJ73" s="84"/>
      <c r="AFK73" s="84"/>
      <c r="AFL73" s="84"/>
      <c r="AFM73" s="84"/>
      <c r="AFN73" s="84"/>
      <c r="AFO73" s="84"/>
      <c r="AFP73" s="84"/>
      <c r="AFQ73" s="84"/>
      <c r="AFR73" s="84"/>
      <c r="AFS73" s="84"/>
      <c r="AFT73" s="84"/>
      <c r="AFU73" s="84"/>
      <c r="AFV73" s="84"/>
      <c r="AFW73" s="84"/>
      <c r="AFX73" s="84"/>
      <c r="AFY73" s="84"/>
      <c r="AFZ73" s="84"/>
      <c r="AGA73" s="84"/>
      <c r="AGB73" s="84"/>
      <c r="AGC73" s="84"/>
      <c r="AGD73" s="84"/>
      <c r="AGE73" s="84"/>
      <c r="AGF73" s="84"/>
      <c r="AGG73" s="84"/>
      <c r="AGH73" s="84"/>
      <c r="AGI73" s="84"/>
      <c r="AGJ73" s="84"/>
      <c r="AGK73" s="84"/>
      <c r="AGL73" s="84"/>
      <c r="AGM73" s="84"/>
      <c r="AGN73" s="84"/>
      <c r="AGO73" s="84"/>
      <c r="AGP73" s="84"/>
      <c r="AGQ73" s="84"/>
      <c r="AGR73" s="84"/>
      <c r="AGS73" s="84"/>
      <c r="AGT73" s="84"/>
      <c r="AGU73" s="84"/>
      <c r="AGV73" s="84"/>
      <c r="AGW73" s="84"/>
      <c r="AGX73" s="84"/>
      <c r="AGY73" s="84"/>
      <c r="AGZ73" s="84"/>
      <c r="AHA73" s="84"/>
      <c r="AHB73" s="84"/>
      <c r="AHC73" s="84"/>
      <c r="AHD73" s="84"/>
      <c r="AHE73" s="84"/>
      <c r="AHF73" s="84"/>
      <c r="AHG73" s="84"/>
      <c r="AHH73" s="84"/>
      <c r="AHI73" s="84"/>
      <c r="AHJ73" s="84"/>
      <c r="AHK73" s="84"/>
      <c r="AHL73" s="84"/>
      <c r="AHM73" s="84"/>
      <c r="AHN73" s="84"/>
      <c r="AHO73" s="84"/>
      <c r="AHP73" s="84"/>
      <c r="AHQ73" s="84"/>
      <c r="AHR73" s="84"/>
      <c r="AHS73" s="84"/>
      <c r="AHT73" s="84"/>
      <c r="AHU73" s="84"/>
      <c r="AHV73" s="84"/>
      <c r="AHW73" s="84"/>
      <c r="AHX73" s="84"/>
      <c r="AHY73" s="84"/>
      <c r="AHZ73" s="84"/>
      <c r="AIA73" s="84"/>
      <c r="AIB73" s="84"/>
      <c r="AIC73" s="84"/>
      <c r="AID73" s="84"/>
      <c r="AIE73" s="84"/>
      <c r="AIF73" s="84"/>
      <c r="AIG73" s="84"/>
      <c r="AIH73" s="84"/>
      <c r="AII73" s="84"/>
      <c r="AIJ73" s="84"/>
      <c r="AIK73" s="84"/>
      <c r="AIL73" s="84"/>
      <c r="AIM73" s="84"/>
      <c r="AIN73" s="84"/>
      <c r="AIO73" s="84"/>
      <c r="AIP73" s="84"/>
      <c r="AIQ73" s="84"/>
      <c r="AIR73" s="84"/>
      <c r="AIS73" s="84"/>
      <c r="AIT73" s="84"/>
      <c r="AIU73" s="84"/>
      <c r="AIV73" s="84"/>
      <c r="AIW73" s="84"/>
      <c r="AIX73" s="84"/>
      <c r="AIY73" s="84"/>
      <c r="AIZ73" s="84"/>
      <c r="AJA73" s="84"/>
      <c r="AJB73" s="84"/>
      <c r="AJC73" s="84"/>
      <c r="AJD73" s="84"/>
      <c r="AJE73" s="84"/>
      <c r="AJF73" s="84"/>
      <c r="AJG73" s="84"/>
      <c r="AJH73" s="84"/>
      <c r="AJI73" s="84"/>
      <c r="AJJ73" s="84"/>
      <c r="AJK73" s="84"/>
      <c r="AJL73" s="84"/>
      <c r="AJM73" s="84"/>
      <c r="AJN73" s="84"/>
      <c r="AJO73" s="84"/>
      <c r="AJP73" s="84"/>
      <c r="AJQ73" s="84"/>
      <c r="AJR73" s="84"/>
      <c r="AJS73" s="84"/>
      <c r="AJT73" s="84"/>
      <c r="AJU73" s="84"/>
      <c r="AJV73" s="84"/>
      <c r="AJW73" s="84"/>
      <c r="AJX73" s="84"/>
      <c r="AJY73" s="84"/>
      <c r="AJZ73" s="84"/>
      <c r="AKA73" s="84"/>
      <c r="AKB73" s="84"/>
      <c r="AKC73" s="84"/>
      <c r="AKD73" s="84"/>
      <c r="AKE73" s="84"/>
      <c r="AKF73" s="84"/>
      <c r="AKG73" s="84"/>
      <c r="AKH73" s="84"/>
      <c r="AKI73" s="84"/>
      <c r="AKJ73" s="84"/>
      <c r="AKK73" s="84"/>
      <c r="AKL73" s="84"/>
      <c r="AKM73" s="84"/>
      <c r="AKN73" s="84"/>
      <c r="AKO73" s="84"/>
      <c r="AKP73" s="84"/>
      <c r="AKQ73" s="84"/>
      <c r="AKR73" s="84"/>
      <c r="AKS73" s="84"/>
      <c r="AKT73" s="84"/>
      <c r="AKU73" s="84"/>
      <c r="AKV73" s="84"/>
      <c r="AKW73" s="84"/>
      <c r="AKX73" s="84"/>
      <c r="AKY73" s="84"/>
      <c r="AKZ73" s="84"/>
      <c r="ALA73" s="84"/>
      <c r="ALB73" s="84"/>
      <c r="ALC73" s="84"/>
      <c r="ALD73" s="84"/>
      <c r="ALE73" s="84"/>
      <c r="ALF73" s="84"/>
      <c r="ALG73" s="84"/>
      <c r="ALH73" s="84"/>
      <c r="ALI73" s="84"/>
      <c r="ALJ73" s="84"/>
      <c r="ALK73" s="84"/>
      <c r="ALL73" s="84"/>
      <c r="ALM73" s="84"/>
      <c r="ALN73" s="84"/>
      <c r="ALO73" s="84"/>
      <c r="ALP73" s="84"/>
      <c r="ALQ73" s="84"/>
      <c r="ALR73" s="84"/>
      <c r="ALS73" s="84"/>
      <c r="ALT73" s="84"/>
      <c r="ALU73" s="84"/>
      <c r="ALV73" s="84"/>
      <c r="ALW73" s="84"/>
      <c r="ALX73" s="84"/>
      <c r="ALY73" s="84"/>
      <c r="ALZ73" s="84"/>
      <c r="AMA73" s="84"/>
      <c r="AMB73" s="84"/>
      <c r="AMC73" s="84"/>
      <c r="AMD73" s="84"/>
      <c r="AME73" s="84"/>
      <c r="AMF73" s="84"/>
      <c r="AMG73" s="84"/>
      <c r="AMH73" s="84"/>
      <c r="AMI73" s="84"/>
      <c r="AMJ73" s="84"/>
      <c r="AMK73" s="84"/>
      <c r="AML73" s="84"/>
      <c r="AMM73" s="84"/>
      <c r="AMN73" s="84"/>
      <c r="AMO73" s="84"/>
      <c r="AMP73" s="84"/>
      <c r="AMQ73" s="84"/>
      <c r="AMR73" s="84"/>
      <c r="AMS73" s="84"/>
      <c r="AMT73" s="84"/>
      <c r="AMU73" s="84"/>
      <c r="AMV73" s="84"/>
      <c r="AMW73" s="84"/>
      <c r="AMX73" s="84"/>
      <c r="AMY73" s="84"/>
      <c r="AMZ73" s="84"/>
      <c r="ANA73" s="84"/>
      <c r="ANB73" s="84"/>
      <c r="ANC73" s="84"/>
      <c r="AND73" s="84"/>
      <c r="ANE73" s="84"/>
      <c r="ANF73" s="84"/>
      <c r="ANG73" s="84"/>
      <c r="ANH73" s="84"/>
      <c r="ANI73" s="84"/>
      <c r="ANJ73" s="84"/>
      <c r="ANK73" s="84"/>
      <c r="ANL73" s="84"/>
      <c r="ANM73" s="84"/>
      <c r="ANN73" s="84"/>
      <c r="ANO73" s="84"/>
      <c r="ANP73" s="84"/>
      <c r="ANQ73" s="84"/>
      <c r="ANR73" s="84"/>
      <c r="ANS73" s="84"/>
      <c r="ANT73" s="84"/>
      <c r="ANU73" s="84"/>
      <c r="ANV73" s="84"/>
      <c r="ANW73" s="84"/>
      <c r="ANX73" s="84"/>
      <c r="ANY73" s="84"/>
      <c r="ANZ73" s="84"/>
      <c r="AOA73" s="84"/>
      <c r="AOB73" s="84"/>
      <c r="AOC73" s="84"/>
      <c r="AOD73" s="84"/>
      <c r="AOE73" s="84"/>
      <c r="AOF73" s="84"/>
      <c r="AOG73" s="84"/>
      <c r="AOH73" s="84"/>
      <c r="AOI73" s="84"/>
      <c r="AOJ73" s="84"/>
      <c r="AOK73" s="84"/>
      <c r="AOL73" s="84"/>
      <c r="AOM73" s="84"/>
      <c r="AON73" s="84"/>
      <c r="AOO73" s="84"/>
      <c r="AOP73" s="84"/>
      <c r="AOQ73" s="84"/>
      <c r="AOR73" s="84"/>
      <c r="AOS73" s="84"/>
      <c r="AOT73" s="84"/>
      <c r="AOU73" s="84"/>
      <c r="AOV73" s="84"/>
      <c r="AOW73" s="84"/>
      <c r="AOX73" s="84"/>
      <c r="AOY73" s="84"/>
      <c r="AOZ73" s="84"/>
      <c r="APA73" s="84"/>
      <c r="APB73" s="84"/>
      <c r="APC73" s="84"/>
      <c r="APD73" s="84"/>
      <c r="APE73" s="84"/>
      <c r="APF73" s="84"/>
      <c r="APG73" s="84"/>
      <c r="APH73" s="84"/>
      <c r="API73" s="84"/>
      <c r="APJ73" s="84"/>
      <c r="APK73" s="84"/>
      <c r="APL73" s="84"/>
      <c r="APM73" s="84"/>
      <c r="APN73" s="84"/>
      <c r="APO73" s="84"/>
      <c r="APP73" s="84"/>
      <c r="APQ73" s="84"/>
      <c r="APR73" s="84"/>
      <c r="APS73" s="84"/>
      <c r="APT73" s="84"/>
      <c r="APU73" s="84"/>
      <c r="APV73" s="84"/>
      <c r="APW73" s="84"/>
      <c r="APX73" s="84"/>
      <c r="APY73" s="84"/>
      <c r="APZ73" s="84"/>
      <c r="AQA73" s="84"/>
      <c r="AQB73" s="84"/>
      <c r="AQC73" s="84"/>
      <c r="AQD73" s="84"/>
      <c r="AQE73" s="84"/>
      <c r="AQF73" s="84"/>
      <c r="AQG73" s="84"/>
      <c r="AQH73" s="84"/>
      <c r="AQI73" s="84"/>
      <c r="AQJ73" s="84"/>
      <c r="AQK73" s="84"/>
      <c r="AQL73" s="84"/>
      <c r="AQM73" s="84"/>
      <c r="AQN73" s="84"/>
      <c r="AQO73" s="84"/>
      <c r="AQP73" s="84"/>
      <c r="AQQ73" s="84"/>
      <c r="AQR73" s="84"/>
      <c r="AQS73" s="84"/>
      <c r="AQT73" s="84"/>
      <c r="AQU73" s="84"/>
      <c r="AQV73" s="84"/>
      <c r="AQW73" s="84"/>
      <c r="AQX73" s="84"/>
      <c r="AQY73" s="84"/>
      <c r="AQZ73" s="84"/>
      <c r="ARA73" s="84"/>
      <c r="ARB73" s="84"/>
      <c r="ARC73" s="84"/>
      <c r="ARD73" s="84"/>
      <c r="ARE73" s="84"/>
      <c r="ARF73" s="84"/>
      <c r="ARG73" s="84"/>
      <c r="ARH73" s="84"/>
      <c r="ARI73" s="84"/>
      <c r="ARJ73" s="84"/>
      <c r="ARK73" s="84"/>
      <c r="ARL73" s="84"/>
      <c r="ARM73" s="84"/>
      <c r="ARN73" s="84"/>
      <c r="ARO73" s="84"/>
      <c r="ARP73" s="84"/>
      <c r="ARQ73" s="84"/>
      <c r="ARR73" s="84"/>
      <c r="ARS73" s="84"/>
      <c r="ART73" s="84"/>
      <c r="ARU73" s="84"/>
      <c r="ARV73" s="84"/>
      <c r="ARW73" s="84"/>
      <c r="ARX73" s="84"/>
      <c r="ARY73" s="84"/>
      <c r="ARZ73" s="84"/>
      <c r="ASA73" s="84"/>
      <c r="ASB73" s="84"/>
      <c r="ASC73" s="84"/>
      <c r="ASD73" s="84"/>
      <c r="ASE73" s="84"/>
      <c r="ASF73" s="84"/>
      <c r="ASG73" s="84"/>
      <c r="ASH73" s="84"/>
      <c r="ASI73" s="84"/>
      <c r="ASJ73" s="84"/>
      <c r="ASK73" s="84"/>
      <c r="ASL73" s="84"/>
      <c r="ASM73" s="84"/>
      <c r="ASN73" s="84"/>
      <c r="ASO73" s="84"/>
      <c r="ASP73" s="84"/>
      <c r="ASQ73" s="84"/>
      <c r="ASR73" s="84"/>
      <c r="ASS73" s="84"/>
      <c r="AST73" s="84"/>
      <c r="ASU73" s="84"/>
      <c r="ASV73" s="84"/>
      <c r="ASW73" s="84"/>
      <c r="ASX73" s="84"/>
      <c r="ASY73" s="84"/>
      <c r="ASZ73" s="84"/>
      <c r="ATA73" s="84"/>
      <c r="ATB73" s="84"/>
      <c r="ATC73" s="84"/>
      <c r="ATD73" s="84"/>
      <c r="ATE73" s="84"/>
      <c r="ATF73" s="84"/>
      <c r="ATG73" s="84"/>
      <c r="ATH73" s="84"/>
      <c r="ATI73" s="84"/>
      <c r="ATJ73" s="84"/>
      <c r="ATK73" s="84"/>
      <c r="ATL73" s="84"/>
      <c r="ATM73" s="84"/>
      <c r="ATN73" s="84"/>
      <c r="ATO73" s="84"/>
      <c r="ATP73" s="84"/>
      <c r="ATQ73" s="84"/>
      <c r="ATR73" s="84"/>
      <c r="ATS73" s="84"/>
      <c r="ATT73" s="84"/>
      <c r="ATU73" s="84"/>
      <c r="ATV73" s="84"/>
      <c r="ATW73" s="84"/>
      <c r="ATX73" s="84"/>
      <c r="ATY73" s="84"/>
      <c r="ATZ73" s="84"/>
      <c r="AUA73" s="84"/>
      <c r="AUB73" s="84"/>
      <c r="AUC73" s="84"/>
      <c r="AUD73" s="84"/>
      <c r="AUE73" s="84"/>
      <c r="AUF73" s="84"/>
      <c r="AUG73" s="84"/>
      <c r="AUH73" s="84"/>
      <c r="AUI73" s="84"/>
      <c r="AUJ73" s="84"/>
      <c r="AUK73" s="84"/>
      <c r="AUL73" s="84"/>
      <c r="AUM73" s="84"/>
      <c r="AUN73" s="84"/>
      <c r="AUO73" s="84"/>
      <c r="AUP73" s="84"/>
      <c r="AUQ73" s="84"/>
      <c r="AUR73" s="84"/>
      <c r="AUS73" s="84"/>
      <c r="AUT73" s="84"/>
      <c r="AUU73" s="84"/>
      <c r="AUV73" s="84"/>
      <c r="AUW73" s="84"/>
      <c r="AUX73" s="84"/>
      <c r="AUY73" s="84"/>
      <c r="AUZ73" s="84"/>
      <c r="AVA73" s="84"/>
      <c r="AVB73" s="84"/>
      <c r="AVC73" s="84"/>
      <c r="AVD73" s="84"/>
      <c r="AVE73" s="84"/>
      <c r="AVF73" s="84"/>
      <c r="AVG73" s="84"/>
      <c r="AVH73" s="84"/>
      <c r="AVI73" s="84"/>
      <c r="AVJ73" s="84"/>
      <c r="AVK73" s="84"/>
      <c r="AVL73" s="84"/>
      <c r="AVM73" s="84"/>
      <c r="AVN73" s="84"/>
      <c r="AVO73" s="84"/>
      <c r="AVP73" s="84"/>
      <c r="AVQ73" s="84"/>
      <c r="AVR73" s="84"/>
      <c r="AVS73" s="84"/>
      <c r="AVT73" s="84"/>
      <c r="AVU73" s="84"/>
      <c r="AVV73" s="84"/>
      <c r="AVW73" s="84"/>
      <c r="AVX73" s="84"/>
      <c r="AVY73" s="84"/>
      <c r="AVZ73" s="84"/>
      <c r="AWA73" s="84"/>
      <c r="AWB73" s="84"/>
      <c r="AWC73" s="84"/>
      <c r="AWD73" s="84"/>
      <c r="AWE73" s="84"/>
      <c r="AWF73" s="84"/>
      <c r="AWG73" s="84"/>
      <c r="AWH73" s="84"/>
      <c r="AWI73" s="84"/>
      <c r="AWJ73" s="84"/>
      <c r="AWK73" s="84"/>
      <c r="AWL73" s="84"/>
      <c r="AWM73" s="84"/>
      <c r="AWN73" s="84"/>
      <c r="AWO73" s="84"/>
      <c r="AWP73" s="84"/>
      <c r="AWQ73" s="84"/>
      <c r="AWR73" s="84"/>
      <c r="AWS73" s="84"/>
      <c r="AWT73" s="84"/>
      <c r="AWU73" s="84"/>
      <c r="AWV73" s="84"/>
      <c r="AWW73" s="84"/>
      <c r="AWX73" s="84"/>
      <c r="AWY73" s="84"/>
      <c r="AWZ73" s="84"/>
      <c r="AXA73" s="84"/>
      <c r="AXB73" s="84"/>
      <c r="AXC73" s="84"/>
      <c r="AXD73" s="84"/>
      <c r="AXE73" s="84"/>
      <c r="AXF73" s="84"/>
      <c r="AXG73" s="84"/>
      <c r="AXH73" s="84"/>
      <c r="AXI73" s="84"/>
      <c r="AXJ73" s="84"/>
      <c r="AXK73" s="84"/>
      <c r="AXL73" s="84"/>
      <c r="AXM73" s="84"/>
      <c r="AXN73" s="84"/>
      <c r="AXO73" s="84"/>
      <c r="AXP73" s="84"/>
      <c r="AXQ73" s="84"/>
      <c r="AXR73" s="84"/>
      <c r="AXS73" s="84"/>
      <c r="AXT73" s="84"/>
      <c r="AXU73" s="84"/>
      <c r="AXV73" s="84"/>
      <c r="AXW73" s="84"/>
      <c r="AXX73" s="84"/>
      <c r="AXY73" s="84"/>
      <c r="AXZ73" s="84"/>
      <c r="AYA73" s="84"/>
      <c r="AYB73" s="84"/>
      <c r="AYC73" s="84"/>
      <c r="AYD73" s="84"/>
      <c r="AYE73" s="84"/>
      <c r="AYF73" s="84"/>
      <c r="AYG73" s="84"/>
      <c r="AYH73" s="84"/>
      <c r="AYI73" s="84"/>
      <c r="AYJ73" s="84"/>
      <c r="AYK73" s="84"/>
      <c r="AYL73" s="84"/>
      <c r="AYM73" s="84"/>
      <c r="AYN73" s="84"/>
      <c r="AYO73" s="84"/>
      <c r="AYP73" s="84"/>
      <c r="AYQ73" s="84"/>
      <c r="AYR73" s="84"/>
      <c r="AYS73" s="84"/>
      <c r="AYT73" s="84"/>
      <c r="AYU73" s="84"/>
      <c r="AYV73" s="84"/>
      <c r="AYW73" s="84"/>
      <c r="AYX73" s="84"/>
      <c r="AYY73" s="84"/>
      <c r="AYZ73" s="84"/>
      <c r="AZA73" s="84"/>
      <c r="AZB73" s="84"/>
      <c r="AZC73" s="84"/>
      <c r="AZD73" s="84"/>
      <c r="AZE73" s="84"/>
      <c r="AZF73" s="84"/>
      <c r="AZG73" s="84"/>
      <c r="AZH73" s="84"/>
      <c r="AZI73" s="84"/>
      <c r="AZJ73" s="84"/>
      <c r="AZK73" s="84"/>
      <c r="AZL73" s="84"/>
      <c r="AZM73" s="84"/>
      <c r="AZN73" s="84"/>
      <c r="AZO73" s="84"/>
      <c r="AZP73" s="84"/>
      <c r="AZQ73" s="84"/>
      <c r="AZR73" s="84"/>
      <c r="AZS73" s="84"/>
      <c r="AZT73" s="84"/>
      <c r="AZU73" s="84"/>
      <c r="AZV73" s="84"/>
      <c r="AZW73" s="84"/>
      <c r="AZX73" s="84"/>
      <c r="AZY73" s="84"/>
      <c r="AZZ73" s="84"/>
      <c r="BAA73" s="84"/>
      <c r="BAB73" s="84"/>
      <c r="BAC73" s="84"/>
      <c r="BAD73" s="84"/>
      <c r="BAE73" s="84"/>
      <c r="BAF73" s="84"/>
      <c r="BAG73" s="84"/>
      <c r="BAH73" s="84"/>
      <c r="BAI73" s="84"/>
      <c r="BAJ73" s="84"/>
      <c r="BAK73" s="84"/>
      <c r="BAL73" s="84"/>
      <c r="BAM73" s="84"/>
      <c r="BAN73" s="84"/>
      <c r="BAO73" s="84"/>
      <c r="BAP73" s="84"/>
      <c r="BAQ73" s="84"/>
      <c r="BAR73" s="84"/>
      <c r="BAS73" s="84"/>
      <c r="BAT73" s="84"/>
      <c r="BAU73" s="84"/>
      <c r="BAV73" s="84"/>
      <c r="BAW73" s="84"/>
      <c r="BAX73" s="84"/>
      <c r="BAY73" s="84"/>
      <c r="BAZ73" s="84"/>
      <c r="BBA73" s="84"/>
      <c r="BBB73" s="84"/>
      <c r="BBC73" s="84"/>
      <c r="BBD73" s="84"/>
      <c r="BBE73" s="84"/>
      <c r="BBF73" s="84"/>
      <c r="BBG73" s="84"/>
      <c r="BBH73" s="84"/>
      <c r="BBI73" s="84"/>
      <c r="BBJ73" s="84"/>
      <c r="BBK73" s="84"/>
      <c r="BBL73" s="84"/>
      <c r="BBM73" s="84"/>
      <c r="BBN73" s="84"/>
    </row>
  </sheetData>
  <mergeCells count="74">
    <mergeCell ref="A29:A32"/>
    <mergeCell ref="B29:B32"/>
    <mergeCell ref="A33:A36"/>
    <mergeCell ref="B33:B36"/>
    <mergeCell ref="A68:J69"/>
    <mergeCell ref="A67:J67"/>
    <mergeCell ref="C30:D30"/>
    <mergeCell ref="C31:D31"/>
    <mergeCell ref="C32:D32"/>
    <mergeCell ref="C33:D33"/>
    <mergeCell ref="C34:D34"/>
    <mergeCell ref="C35:D35"/>
    <mergeCell ref="C36:D36"/>
    <mergeCell ref="C37:D37"/>
    <mergeCell ref="C38:D38"/>
    <mergeCell ref="C39:D39"/>
    <mergeCell ref="I4:J4"/>
    <mergeCell ref="I16:J16"/>
    <mergeCell ref="I1:J1"/>
    <mergeCell ref="A38:A39"/>
    <mergeCell ref="A61:J62"/>
    <mergeCell ref="A13:J14"/>
    <mergeCell ref="I3:J3"/>
    <mergeCell ref="A2:J2"/>
    <mergeCell ref="A54:A55"/>
    <mergeCell ref="A19:A28"/>
    <mergeCell ref="B19:B28"/>
    <mergeCell ref="C10:E10"/>
    <mergeCell ref="C11:E11"/>
    <mergeCell ref="C12:E12"/>
    <mergeCell ref="F19:F28"/>
    <mergeCell ref="G19:G28"/>
    <mergeCell ref="H19:H28"/>
    <mergeCell ref="I19:I28"/>
    <mergeCell ref="J19:J28"/>
    <mergeCell ref="J29:J32"/>
    <mergeCell ref="F33:F36"/>
    <mergeCell ref="G33:G36"/>
    <mergeCell ref="H33:H36"/>
    <mergeCell ref="I33:I36"/>
    <mergeCell ref="J33:J36"/>
    <mergeCell ref="F29:F32"/>
    <mergeCell ref="G29:G32"/>
    <mergeCell ref="H29:H32"/>
    <mergeCell ref="I29:I32"/>
    <mergeCell ref="C27:D27"/>
    <mergeCell ref="C28:D28"/>
    <mergeCell ref="C29:D29"/>
    <mergeCell ref="C5:E5"/>
    <mergeCell ref="C6:E6"/>
    <mergeCell ref="C7:E7"/>
    <mergeCell ref="C8:E8"/>
    <mergeCell ref="C9:E9"/>
    <mergeCell ref="C17:E17"/>
    <mergeCell ref="C18:E18"/>
    <mergeCell ref="C40:D40"/>
    <mergeCell ref="C41:D41"/>
    <mergeCell ref="C42:D42"/>
    <mergeCell ref="C43:D43"/>
    <mergeCell ref="C44:D44"/>
    <mergeCell ref="C45:D45"/>
    <mergeCell ref="C46:D46"/>
    <mergeCell ref="C47:D47"/>
    <mergeCell ref="C48:D48"/>
    <mergeCell ref="C49:D49"/>
    <mergeCell ref="C56:D56"/>
    <mergeCell ref="C57:D57"/>
    <mergeCell ref="C58:D58"/>
    <mergeCell ref="C59:D59"/>
    <mergeCell ref="C50:D50"/>
    <mergeCell ref="C51:D51"/>
    <mergeCell ref="C52:D52"/>
    <mergeCell ref="C53:D54"/>
    <mergeCell ref="C55:D55"/>
  </mergeCells>
  <phoneticPr fontId="2"/>
  <printOptions horizontalCentered="1"/>
  <pageMargins left="0.31496062992125984" right="0.11811023622047245" top="0.35433070866141736" bottom="0" header="0.31496062992125984" footer="0.31496062992125984"/>
  <pageSetup paperSize="9" scale="75" orientation="portrait" r:id="rId1"/>
  <rowBreaks count="1" manualBreakCount="1">
    <brk id="60" max="9"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44"/>
  <sheetViews>
    <sheetView view="pageBreakPreview" zoomScaleNormal="100" workbookViewId="0">
      <selection activeCell="D21" sqref="D21"/>
    </sheetView>
  </sheetViews>
  <sheetFormatPr defaultColWidth="9" defaultRowHeight="13.2" x14ac:dyDescent="0.2"/>
  <cols>
    <col min="1" max="1" width="22.69921875" style="2" customWidth="1"/>
    <col min="2" max="2" width="13.5" style="2" customWidth="1"/>
    <col min="3" max="3" width="20" style="2" customWidth="1"/>
    <col min="4" max="7" width="6.59765625" style="2" customWidth="1"/>
    <col min="8" max="16384" width="9" style="2"/>
  </cols>
  <sheetData>
    <row r="1" spans="1:7" x14ac:dyDescent="0.2">
      <c r="E1" s="2" t="s">
        <v>37</v>
      </c>
    </row>
    <row r="2" spans="1:7" ht="13.8" thickBot="1" x14ac:dyDescent="0.25">
      <c r="A2" s="2" t="s">
        <v>38</v>
      </c>
    </row>
    <row r="3" spans="1:7" x14ac:dyDescent="0.2">
      <c r="A3" s="3"/>
      <c r="B3" s="4"/>
      <c r="C3" s="4"/>
      <c r="D3" s="4"/>
      <c r="E3" s="4"/>
      <c r="F3" s="4"/>
      <c r="G3" s="5"/>
    </row>
    <row r="4" spans="1:7" x14ac:dyDescent="0.2">
      <c r="A4" s="6" t="s">
        <v>66</v>
      </c>
      <c r="B4" s="7"/>
      <c r="C4" s="7"/>
      <c r="D4" s="7"/>
      <c r="E4" s="7"/>
      <c r="F4" s="7"/>
      <c r="G4" s="8"/>
    </row>
    <row r="5" spans="1:7" x14ac:dyDescent="0.2">
      <c r="A5" s="6"/>
      <c r="B5" s="7"/>
      <c r="C5" s="7"/>
      <c r="D5" s="7"/>
      <c r="E5" s="7"/>
      <c r="F5" s="7"/>
      <c r="G5" s="8"/>
    </row>
    <row r="6" spans="1:7" x14ac:dyDescent="0.2">
      <c r="A6" s="6" t="s">
        <v>39</v>
      </c>
      <c r="B6" s="9" t="s">
        <v>40</v>
      </c>
      <c r="C6" s="7"/>
      <c r="D6" s="7"/>
      <c r="E6" s="7"/>
      <c r="F6" s="7"/>
      <c r="G6" s="8"/>
    </row>
    <row r="7" spans="1:7" x14ac:dyDescent="0.2">
      <c r="A7" s="6" t="s">
        <v>41</v>
      </c>
      <c r="B7" s="7"/>
      <c r="C7" s="9" t="s">
        <v>42</v>
      </c>
      <c r="D7" s="7"/>
      <c r="E7" s="7"/>
      <c r="F7" s="7"/>
      <c r="G7" s="8"/>
    </row>
    <row r="8" spans="1:7" x14ac:dyDescent="0.2">
      <c r="A8" s="6"/>
      <c r="B8" s="7"/>
      <c r="C8" s="9"/>
      <c r="D8" s="7"/>
      <c r="E8" s="7"/>
      <c r="F8" s="7"/>
      <c r="G8" s="8"/>
    </row>
    <row r="9" spans="1:7" x14ac:dyDescent="0.2">
      <c r="A9" s="6" t="s">
        <v>43</v>
      </c>
      <c r="B9" s="7" t="s">
        <v>44</v>
      </c>
      <c r="C9" s="7"/>
      <c r="D9" s="7"/>
      <c r="E9" s="7"/>
      <c r="F9" s="7"/>
      <c r="G9" s="8"/>
    </row>
    <row r="10" spans="1:7" x14ac:dyDescent="0.2">
      <c r="A10" s="6" t="s">
        <v>45</v>
      </c>
      <c r="B10" s="2" t="s">
        <v>46</v>
      </c>
      <c r="D10" s="7"/>
      <c r="E10" s="7"/>
      <c r="F10" s="7"/>
      <c r="G10" s="8"/>
    </row>
    <row r="11" spans="1:7" x14ac:dyDescent="0.2">
      <c r="A11" s="6"/>
      <c r="B11" s="7"/>
      <c r="C11" s="7"/>
      <c r="D11" s="7"/>
      <c r="E11" s="7"/>
      <c r="F11" s="7"/>
      <c r="G11" s="8"/>
    </row>
    <row r="12" spans="1:7" x14ac:dyDescent="0.2">
      <c r="A12" s="6" t="s">
        <v>47</v>
      </c>
      <c r="C12" s="9" t="s">
        <v>42</v>
      </c>
      <c r="D12" s="7"/>
      <c r="E12" s="7"/>
      <c r="F12" s="7"/>
      <c r="G12" s="8"/>
    </row>
    <row r="13" spans="1:7" x14ac:dyDescent="0.2">
      <c r="A13" s="6"/>
      <c r="D13" s="7"/>
      <c r="E13" s="7"/>
      <c r="F13" s="7"/>
      <c r="G13" s="8"/>
    </row>
    <row r="14" spans="1:7" x14ac:dyDescent="0.2">
      <c r="A14" s="6" t="s">
        <v>43</v>
      </c>
      <c r="B14" s="7" t="s">
        <v>48</v>
      </c>
      <c r="C14" s="7"/>
      <c r="D14" s="7"/>
      <c r="E14" s="7"/>
      <c r="F14" s="7"/>
      <c r="G14" s="8"/>
    </row>
    <row r="15" spans="1:7" x14ac:dyDescent="0.2">
      <c r="A15" s="6" t="s">
        <v>45</v>
      </c>
      <c r="B15" s="7" t="s">
        <v>49</v>
      </c>
      <c r="C15" s="7"/>
      <c r="D15" s="7"/>
      <c r="E15" s="7"/>
      <c r="F15" s="7"/>
      <c r="G15" s="8"/>
    </row>
    <row r="16" spans="1:7" x14ac:dyDescent="0.2">
      <c r="A16" s="6"/>
      <c r="B16" s="7"/>
      <c r="C16" s="7"/>
      <c r="D16" s="7"/>
      <c r="E16" s="7"/>
      <c r="F16" s="7"/>
      <c r="G16" s="8"/>
    </row>
    <row r="17" spans="1:7" x14ac:dyDescent="0.2">
      <c r="A17" s="6" t="s">
        <v>50</v>
      </c>
      <c r="C17" s="9" t="s">
        <v>42</v>
      </c>
      <c r="D17" s="7"/>
      <c r="E17" s="7"/>
      <c r="F17" s="7"/>
      <c r="G17" s="8"/>
    </row>
    <row r="18" spans="1:7" x14ac:dyDescent="0.2">
      <c r="A18" s="6"/>
      <c r="D18" s="7"/>
      <c r="E18" s="7"/>
      <c r="F18" s="7"/>
      <c r="G18" s="8"/>
    </row>
    <row r="19" spans="1:7" x14ac:dyDescent="0.2">
      <c r="A19" s="6" t="s">
        <v>43</v>
      </c>
      <c r="B19" s="7" t="s">
        <v>48</v>
      </c>
      <c r="C19" s="7"/>
      <c r="D19" s="7"/>
      <c r="E19" s="7"/>
      <c r="F19" s="7"/>
      <c r="G19" s="8"/>
    </row>
    <row r="20" spans="1:7" x14ac:dyDescent="0.2">
      <c r="A20" s="6" t="s">
        <v>45</v>
      </c>
      <c r="B20" s="7" t="s">
        <v>49</v>
      </c>
      <c r="C20" s="7"/>
      <c r="D20" s="7"/>
      <c r="E20" s="7"/>
      <c r="F20" s="7"/>
      <c r="G20" s="8"/>
    </row>
    <row r="21" spans="1:7" x14ac:dyDescent="0.2">
      <c r="A21" s="6"/>
      <c r="B21" s="7"/>
      <c r="C21" s="7"/>
      <c r="D21" s="7"/>
      <c r="E21" s="7"/>
      <c r="F21" s="7"/>
      <c r="G21" s="8"/>
    </row>
    <row r="22" spans="1:7" x14ac:dyDescent="0.2">
      <c r="A22" s="6"/>
      <c r="B22" s="7"/>
      <c r="C22" s="7"/>
      <c r="D22" s="7"/>
      <c r="E22" s="7"/>
      <c r="F22" s="7"/>
      <c r="G22" s="8"/>
    </row>
    <row r="23" spans="1:7" x14ac:dyDescent="0.2">
      <c r="A23" s="6" t="s">
        <v>51</v>
      </c>
      <c r="B23" s="9" t="s">
        <v>40</v>
      </c>
      <c r="C23" s="7"/>
      <c r="D23" s="7"/>
      <c r="E23" s="7"/>
      <c r="F23" s="7"/>
      <c r="G23" s="8"/>
    </row>
    <row r="24" spans="1:7" x14ac:dyDescent="0.2">
      <c r="A24" s="6" t="s">
        <v>41</v>
      </c>
      <c r="B24" s="7"/>
      <c r="C24" s="7" t="s">
        <v>52</v>
      </c>
      <c r="D24" s="7"/>
      <c r="E24" s="7"/>
      <c r="F24" s="7"/>
      <c r="G24" s="8"/>
    </row>
    <row r="25" spans="1:7" x14ac:dyDescent="0.2">
      <c r="A25" s="6" t="s">
        <v>47</v>
      </c>
      <c r="C25" s="7" t="s">
        <v>52</v>
      </c>
      <c r="D25" s="7"/>
      <c r="E25" s="7"/>
      <c r="F25" s="7"/>
      <c r="G25" s="8"/>
    </row>
    <row r="26" spans="1:7" x14ac:dyDescent="0.2">
      <c r="A26" s="6" t="s">
        <v>50</v>
      </c>
      <c r="C26" s="7" t="s">
        <v>52</v>
      </c>
      <c r="D26" s="7"/>
      <c r="E26" s="7"/>
      <c r="F26" s="7"/>
      <c r="G26" s="8"/>
    </row>
    <row r="27" spans="1:7" x14ac:dyDescent="0.2">
      <c r="A27" s="6"/>
      <c r="B27" s="7"/>
      <c r="C27" s="7"/>
      <c r="D27" s="7"/>
      <c r="E27" s="7"/>
      <c r="F27" s="7"/>
      <c r="G27" s="8"/>
    </row>
    <row r="28" spans="1:7" x14ac:dyDescent="0.2">
      <c r="A28" s="6"/>
      <c r="B28" s="7"/>
      <c r="C28" s="7"/>
      <c r="D28" s="7"/>
      <c r="E28" s="7"/>
      <c r="F28" s="7"/>
      <c r="G28" s="8"/>
    </row>
    <row r="29" spans="1:7" x14ac:dyDescent="0.2">
      <c r="A29" s="6" t="s">
        <v>53</v>
      </c>
      <c r="B29" s="9" t="s">
        <v>40</v>
      </c>
      <c r="C29" s="7"/>
      <c r="D29" s="7"/>
      <c r="E29" s="7"/>
      <c r="F29" s="7"/>
      <c r="G29" s="8"/>
    </row>
    <row r="30" spans="1:7" x14ac:dyDescent="0.2">
      <c r="A30" s="6" t="s">
        <v>41</v>
      </c>
      <c r="B30" s="7"/>
      <c r="C30" s="7" t="s">
        <v>52</v>
      </c>
      <c r="D30" s="7"/>
      <c r="E30" s="7"/>
      <c r="F30" s="7"/>
      <c r="G30" s="8"/>
    </row>
    <row r="31" spans="1:7" x14ac:dyDescent="0.2">
      <c r="A31" s="6" t="s">
        <v>47</v>
      </c>
      <c r="C31" s="7" t="s">
        <v>52</v>
      </c>
      <c r="D31" s="7"/>
      <c r="E31" s="7"/>
      <c r="F31" s="7"/>
      <c r="G31" s="8"/>
    </row>
    <row r="32" spans="1:7" x14ac:dyDescent="0.2">
      <c r="A32" s="6" t="s">
        <v>50</v>
      </c>
      <c r="C32" s="7" t="s">
        <v>52</v>
      </c>
      <c r="D32" s="7"/>
      <c r="E32" s="7"/>
      <c r="F32" s="7"/>
      <c r="G32" s="8"/>
    </row>
    <row r="33" spans="1:7" x14ac:dyDescent="0.2">
      <c r="A33" s="6"/>
      <c r="B33" s="7"/>
      <c r="C33" s="7"/>
      <c r="D33" s="7"/>
      <c r="E33" s="7"/>
      <c r="F33" s="7"/>
      <c r="G33" s="8"/>
    </row>
    <row r="34" spans="1:7" x14ac:dyDescent="0.2">
      <c r="A34" s="6"/>
      <c r="B34" s="7"/>
      <c r="C34" s="7"/>
      <c r="D34" s="7"/>
      <c r="E34" s="7"/>
      <c r="F34" s="7"/>
      <c r="G34" s="8"/>
    </row>
    <row r="35" spans="1:7" x14ac:dyDescent="0.2">
      <c r="A35" s="6" t="s">
        <v>54</v>
      </c>
      <c r="B35" s="9" t="s">
        <v>40</v>
      </c>
      <c r="C35" s="7"/>
      <c r="D35" s="7"/>
      <c r="E35" s="7"/>
      <c r="F35" s="7"/>
      <c r="G35" s="8"/>
    </row>
    <row r="36" spans="1:7" x14ac:dyDescent="0.2">
      <c r="A36" s="6"/>
      <c r="B36" s="7"/>
      <c r="C36" s="7"/>
      <c r="D36" s="7"/>
      <c r="E36" s="7"/>
      <c r="F36" s="7"/>
      <c r="G36" s="8"/>
    </row>
    <row r="37" spans="1:7" x14ac:dyDescent="0.2">
      <c r="A37" s="6"/>
      <c r="B37" s="7"/>
      <c r="C37" s="7"/>
      <c r="D37" s="7"/>
      <c r="E37" s="7"/>
      <c r="F37" s="7"/>
      <c r="G37" s="8"/>
    </row>
    <row r="38" spans="1:7" x14ac:dyDescent="0.2">
      <c r="A38" s="6"/>
      <c r="B38" s="7"/>
      <c r="C38" s="7"/>
      <c r="D38" s="7"/>
      <c r="E38" s="7"/>
      <c r="F38" s="7"/>
      <c r="G38" s="8"/>
    </row>
    <row r="39" spans="1:7" x14ac:dyDescent="0.2">
      <c r="A39" s="6"/>
      <c r="B39" s="7"/>
      <c r="C39" s="7"/>
      <c r="D39" s="7"/>
      <c r="E39" s="7"/>
      <c r="F39" s="7"/>
      <c r="G39" s="8"/>
    </row>
    <row r="40" spans="1:7" x14ac:dyDescent="0.2">
      <c r="A40" s="6" t="s">
        <v>55</v>
      </c>
      <c r="B40" s="7"/>
      <c r="C40" s="7"/>
      <c r="D40" s="7"/>
      <c r="E40" s="7"/>
      <c r="F40" s="7"/>
      <c r="G40" s="8"/>
    </row>
    <row r="41" spans="1:7" x14ac:dyDescent="0.2">
      <c r="A41" s="6" t="s">
        <v>56</v>
      </c>
      <c r="B41" s="7"/>
      <c r="C41" s="7"/>
      <c r="D41" s="7"/>
      <c r="E41" s="7"/>
      <c r="F41" s="7"/>
      <c r="G41" s="8"/>
    </row>
    <row r="42" spans="1:7" x14ac:dyDescent="0.2">
      <c r="A42" s="6"/>
      <c r="B42" s="7"/>
      <c r="C42" s="7"/>
      <c r="D42" s="7"/>
      <c r="E42" s="7"/>
      <c r="F42" s="7"/>
      <c r="G42" s="8"/>
    </row>
    <row r="43" spans="1:7" x14ac:dyDescent="0.2">
      <c r="A43" s="6"/>
      <c r="B43" s="7"/>
      <c r="C43" s="7"/>
      <c r="D43" s="7"/>
      <c r="E43" s="7"/>
      <c r="F43" s="7"/>
      <c r="G43" s="8"/>
    </row>
    <row r="44" spans="1:7" ht="13.8" thickBot="1" x14ac:dyDescent="0.25">
      <c r="A44" s="10"/>
      <c r="B44" s="11"/>
      <c r="C44" s="11"/>
      <c r="D44" s="11"/>
      <c r="E44" s="11"/>
      <c r="F44" s="11"/>
      <c r="G44" s="12"/>
    </row>
  </sheetData>
  <phoneticPr fontId="2"/>
  <pageMargins left="0.92" right="0.36" top="0.98399999999999999" bottom="0.98399999999999999" header="0.51200000000000001" footer="0.51200000000000001"/>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３-1収支計画・利用者目標</vt:lpstr>
      <vt:lpstr>様式３－２（人件費内訳）</vt:lpstr>
      <vt:lpstr>'様式３-1収支計画・利用者目標'!Print_Area</vt:lpstr>
      <vt:lpstr>'様式３－２（人件費内訳）'!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4-12-27T09:17:15Z</cp:lastPrinted>
  <dcterms:modified xsi:type="dcterms:W3CDTF">2025-01-17T05:38:38Z</dcterms:modified>
</cp:coreProperties>
</file>